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drawings/drawing1.xml" ContentType="application/vnd.openxmlformats-officedocument.drawingml.chartshapes+xml"/>
  <Override PartName="/ppt/notesSlides/notesSlide1.xml" ContentType="application/vnd.openxmlformats-officedocument.presentationml.notesSlide+xml"/>
  <Override PartName="/ppt/charts/chart2.xml" ContentType="application/vnd.openxmlformats-officedocument.drawingml.chart+xml"/>
  <Override PartName="/ppt/theme/themeOverride1.xml" ContentType="application/vnd.openxmlformats-officedocument.themeOverride+xml"/>
  <Override PartName="/ppt/drawings/drawing2.xml" ContentType="application/vnd.openxmlformats-officedocument.drawingml.chartshapes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changesInfos/changesInfo1.xml" ContentType="application/vnd.ms-powerpoint.changesinfo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bookmarkIdSeed="2">
  <p:sldMasterIdLst>
    <p:sldMasterId id="2147483648" r:id="rId1"/>
  </p:sldMasterIdLst>
  <p:notesMasterIdLst>
    <p:notesMasterId r:id="rId60"/>
  </p:notesMasterIdLst>
  <p:handoutMasterIdLst>
    <p:handoutMasterId r:id="rId61"/>
  </p:handoutMasterIdLst>
  <p:sldIdLst>
    <p:sldId id="285" r:id="rId2"/>
    <p:sldId id="1300" r:id="rId3"/>
    <p:sldId id="1301" r:id="rId4"/>
    <p:sldId id="1302" r:id="rId5"/>
    <p:sldId id="1265" r:id="rId6"/>
    <p:sldId id="258" r:id="rId7"/>
    <p:sldId id="1287" r:id="rId8"/>
    <p:sldId id="1249" r:id="rId9"/>
    <p:sldId id="1251" r:id="rId10"/>
    <p:sldId id="1261" r:id="rId11"/>
    <p:sldId id="1268" r:id="rId12"/>
    <p:sldId id="1269" r:id="rId13"/>
    <p:sldId id="1257" r:id="rId14"/>
    <p:sldId id="1134" r:id="rId15"/>
    <p:sldId id="1252" r:id="rId16"/>
    <p:sldId id="765" r:id="rId17"/>
    <p:sldId id="1263" r:id="rId18"/>
    <p:sldId id="1230" r:id="rId19"/>
    <p:sldId id="1290" r:id="rId20"/>
    <p:sldId id="1291" r:id="rId21"/>
    <p:sldId id="1292" r:id="rId22"/>
    <p:sldId id="1293" r:id="rId23"/>
    <p:sldId id="1294" r:id="rId24"/>
    <p:sldId id="1295" r:id="rId25"/>
    <p:sldId id="1296" r:id="rId26"/>
    <p:sldId id="1297" r:id="rId27"/>
    <p:sldId id="1298" r:id="rId28"/>
    <p:sldId id="1304" r:id="rId29"/>
    <p:sldId id="1299" r:id="rId30"/>
    <p:sldId id="1305" r:id="rId31"/>
    <p:sldId id="428" r:id="rId32"/>
    <p:sldId id="722" r:id="rId33"/>
    <p:sldId id="869" r:id="rId34"/>
    <p:sldId id="871" r:id="rId35"/>
    <p:sldId id="759" r:id="rId36"/>
    <p:sldId id="268" r:id="rId37"/>
    <p:sldId id="269" r:id="rId38"/>
    <p:sldId id="278" r:id="rId39"/>
    <p:sldId id="279" r:id="rId40"/>
    <p:sldId id="280" r:id="rId41"/>
    <p:sldId id="286" r:id="rId42"/>
    <p:sldId id="290" r:id="rId43"/>
    <p:sldId id="293" r:id="rId44"/>
    <p:sldId id="297" r:id="rId45"/>
    <p:sldId id="304" r:id="rId46"/>
    <p:sldId id="874" r:id="rId47"/>
    <p:sldId id="762" r:id="rId48"/>
    <p:sldId id="1277" r:id="rId49"/>
    <p:sldId id="1311" r:id="rId50"/>
    <p:sldId id="1280" r:id="rId51"/>
    <p:sldId id="1306" r:id="rId52"/>
    <p:sldId id="1307" r:id="rId53"/>
    <p:sldId id="1281" r:id="rId54"/>
    <p:sldId id="1310" r:id="rId55"/>
    <p:sldId id="1312" r:id="rId56"/>
    <p:sldId id="1308" r:id="rId57"/>
    <p:sldId id="1309" r:id="rId58"/>
    <p:sldId id="1255" r:id="rId59"/>
  </p:sldIdLst>
  <p:sldSz cx="9144000" cy="6858000" type="screen4x3"/>
  <p:notesSz cx="9939338" cy="6807200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D8DC30"/>
    <a:srgbClr val="F71525"/>
    <a:srgbClr val="EB862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FB6A878D-5448-4563-8E2D-9CA6A7F8E530}" v="96" dt="2021-05-05T07:13:57.291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81" d="100"/>
          <a:sy n="81" d="100"/>
        </p:scale>
        <p:origin x="1498" y="67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viewProps" Target="viewProp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microsoft.com/office/2016/11/relationships/changesInfo" Target="changesInfos/changesInfo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handoutMaster" Target="handoutMasters/handout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notesMaster" Target="notesMasters/notesMaster1.xml"/><Relationship Id="rId65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theme" Target="theme/theme1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microsoft.com/office/2015/10/relationships/revisionInfo" Target="revisionInfo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presProps" Target="presProps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植野 芳彦" userId="86ab4e6fb1040a80" providerId="LiveId" clId="{FB6A878D-5448-4563-8E2D-9CA6A7F8E530}"/>
    <pc:docChg chg="undo custSel addSld delSld modSld">
      <pc:chgData name="植野 芳彦" userId="86ab4e6fb1040a80" providerId="LiveId" clId="{FB6A878D-5448-4563-8E2D-9CA6A7F8E530}" dt="2021-05-05T07:15:43.187" v="4579" actId="255"/>
      <pc:docMkLst>
        <pc:docMk/>
      </pc:docMkLst>
      <pc:sldChg chg="add setBg">
        <pc:chgData name="植野 芳彦" userId="86ab4e6fb1040a80" providerId="LiveId" clId="{FB6A878D-5448-4563-8E2D-9CA6A7F8E530}" dt="2021-04-30T09:27:25.105" v="597"/>
        <pc:sldMkLst>
          <pc:docMk/>
          <pc:sldMk cId="0" sldId="268"/>
        </pc:sldMkLst>
      </pc:sldChg>
      <pc:sldChg chg="add setBg">
        <pc:chgData name="植野 芳彦" userId="86ab4e6fb1040a80" providerId="LiveId" clId="{FB6A878D-5448-4563-8E2D-9CA6A7F8E530}" dt="2021-04-30T09:27:38.493" v="598"/>
        <pc:sldMkLst>
          <pc:docMk/>
          <pc:sldMk cId="0" sldId="269"/>
        </pc:sldMkLst>
      </pc:sldChg>
      <pc:sldChg chg="add del setBg">
        <pc:chgData name="植野 芳彦" userId="86ab4e6fb1040a80" providerId="LiveId" clId="{FB6A878D-5448-4563-8E2D-9CA6A7F8E530}" dt="2021-05-05T04:12:44.863" v="4302" actId="2696"/>
        <pc:sldMkLst>
          <pc:docMk/>
          <pc:sldMk cId="0" sldId="276"/>
        </pc:sldMkLst>
      </pc:sldChg>
      <pc:sldChg chg="add del setBg">
        <pc:chgData name="植野 芳彦" userId="86ab4e6fb1040a80" providerId="LiveId" clId="{FB6A878D-5448-4563-8E2D-9CA6A7F8E530}" dt="2021-05-05T04:12:47.940" v="4303" actId="2696"/>
        <pc:sldMkLst>
          <pc:docMk/>
          <pc:sldMk cId="0" sldId="277"/>
        </pc:sldMkLst>
      </pc:sldChg>
      <pc:sldChg chg="add setBg">
        <pc:chgData name="植野 芳彦" userId="86ab4e6fb1040a80" providerId="LiveId" clId="{FB6A878D-5448-4563-8E2D-9CA6A7F8E530}" dt="2021-04-30T09:28:59.337" v="601"/>
        <pc:sldMkLst>
          <pc:docMk/>
          <pc:sldMk cId="0" sldId="278"/>
        </pc:sldMkLst>
      </pc:sldChg>
      <pc:sldChg chg="add setBg">
        <pc:chgData name="植野 芳彦" userId="86ab4e6fb1040a80" providerId="LiveId" clId="{FB6A878D-5448-4563-8E2D-9CA6A7F8E530}" dt="2021-04-30T09:29:17.026" v="602"/>
        <pc:sldMkLst>
          <pc:docMk/>
          <pc:sldMk cId="0" sldId="279"/>
        </pc:sldMkLst>
      </pc:sldChg>
      <pc:sldChg chg="add setBg">
        <pc:chgData name="植野 芳彦" userId="86ab4e6fb1040a80" providerId="LiveId" clId="{FB6A878D-5448-4563-8E2D-9CA6A7F8E530}" dt="2021-04-30T09:29:31.023" v="603"/>
        <pc:sldMkLst>
          <pc:docMk/>
          <pc:sldMk cId="0" sldId="280"/>
        </pc:sldMkLst>
      </pc:sldChg>
      <pc:sldChg chg="add del setBg">
        <pc:chgData name="植野 芳彦" userId="86ab4e6fb1040a80" providerId="LiveId" clId="{FB6A878D-5448-4563-8E2D-9CA6A7F8E530}" dt="2021-05-05T04:12:53.298" v="4304" actId="2696"/>
        <pc:sldMkLst>
          <pc:docMk/>
          <pc:sldMk cId="0" sldId="283"/>
        </pc:sldMkLst>
      </pc:sldChg>
      <pc:sldChg chg="add del setBg">
        <pc:chgData name="植野 芳彦" userId="86ab4e6fb1040a80" providerId="LiveId" clId="{FB6A878D-5448-4563-8E2D-9CA6A7F8E530}" dt="2021-05-05T04:12:55.142" v="4305" actId="2696"/>
        <pc:sldMkLst>
          <pc:docMk/>
          <pc:sldMk cId="0" sldId="284"/>
        </pc:sldMkLst>
      </pc:sldChg>
      <pc:sldChg chg="addSp delSp modSp mod">
        <pc:chgData name="植野 芳彦" userId="86ab4e6fb1040a80" providerId="LiveId" clId="{FB6A878D-5448-4563-8E2D-9CA6A7F8E530}" dt="2021-05-04T21:13:51.037" v="3731" actId="1076"/>
        <pc:sldMkLst>
          <pc:docMk/>
          <pc:sldMk cId="3415352116" sldId="285"/>
        </pc:sldMkLst>
        <pc:spChg chg="mod">
          <ac:chgData name="植野 芳彦" userId="86ab4e6fb1040a80" providerId="LiveId" clId="{FB6A878D-5448-4563-8E2D-9CA6A7F8E530}" dt="2021-05-02T11:35:15.862" v="990" actId="6549"/>
          <ac:spMkLst>
            <pc:docMk/>
            <pc:sldMk cId="3415352116" sldId="285"/>
            <ac:spMk id="9219" creationId="{00000000-0000-0000-0000-000000000000}"/>
          </ac:spMkLst>
        </pc:spChg>
        <pc:picChg chg="add mod">
          <ac:chgData name="植野 芳彦" userId="86ab4e6fb1040a80" providerId="LiveId" clId="{FB6A878D-5448-4563-8E2D-9CA6A7F8E530}" dt="2021-05-04T21:13:51.037" v="3731" actId="1076"/>
          <ac:picMkLst>
            <pc:docMk/>
            <pc:sldMk cId="3415352116" sldId="285"/>
            <ac:picMk id="6" creationId="{0DFE2313-84FF-42C5-8FD2-989DCCF16277}"/>
          </ac:picMkLst>
        </pc:picChg>
        <pc:picChg chg="del mod">
          <ac:chgData name="植野 芳彦" userId="86ab4e6fb1040a80" providerId="LiveId" clId="{FB6A878D-5448-4563-8E2D-9CA6A7F8E530}" dt="2021-05-04T21:13:27.573" v="3726" actId="21"/>
          <ac:picMkLst>
            <pc:docMk/>
            <pc:sldMk cId="3415352116" sldId="285"/>
            <ac:picMk id="9218" creationId="{00000000-0000-0000-0000-000000000000}"/>
          </ac:picMkLst>
        </pc:picChg>
      </pc:sldChg>
      <pc:sldChg chg="add setBg">
        <pc:chgData name="植野 芳彦" userId="86ab4e6fb1040a80" providerId="LiveId" clId="{FB6A878D-5448-4563-8E2D-9CA6A7F8E530}" dt="2021-04-30T09:30:11.662" v="606"/>
        <pc:sldMkLst>
          <pc:docMk/>
          <pc:sldMk cId="0" sldId="286"/>
        </pc:sldMkLst>
      </pc:sldChg>
      <pc:sldChg chg="add setBg">
        <pc:chgData name="植野 芳彦" userId="86ab4e6fb1040a80" providerId="LiveId" clId="{FB6A878D-5448-4563-8E2D-9CA6A7F8E530}" dt="2021-04-30T09:30:37.877" v="607"/>
        <pc:sldMkLst>
          <pc:docMk/>
          <pc:sldMk cId="0" sldId="290"/>
        </pc:sldMkLst>
      </pc:sldChg>
      <pc:sldChg chg="addSp delSp add mod setBg">
        <pc:chgData name="植野 芳彦" userId="86ab4e6fb1040a80" providerId="LiveId" clId="{FB6A878D-5448-4563-8E2D-9CA6A7F8E530}" dt="2021-04-30T09:31:31.177" v="610" actId="21"/>
        <pc:sldMkLst>
          <pc:docMk/>
          <pc:sldMk cId="0" sldId="293"/>
        </pc:sldMkLst>
        <pc:picChg chg="add del">
          <ac:chgData name="植野 芳彦" userId="86ab4e6fb1040a80" providerId="LiveId" clId="{FB6A878D-5448-4563-8E2D-9CA6A7F8E530}" dt="2021-04-30T09:31:31.177" v="610" actId="21"/>
          <ac:picMkLst>
            <pc:docMk/>
            <pc:sldMk cId="0" sldId="293"/>
            <ac:picMk id="7" creationId="{43F05A51-9E65-41F3-9C59-6BBF2BCB048D}"/>
          </ac:picMkLst>
        </pc:picChg>
      </pc:sldChg>
      <pc:sldChg chg="modSp add mod setBg">
        <pc:chgData name="植野 芳彦" userId="86ab4e6fb1040a80" providerId="LiveId" clId="{FB6A878D-5448-4563-8E2D-9CA6A7F8E530}" dt="2021-05-05T04:13:11.716" v="4310" actId="20577"/>
        <pc:sldMkLst>
          <pc:docMk/>
          <pc:sldMk cId="0" sldId="297"/>
        </pc:sldMkLst>
        <pc:spChg chg="mod">
          <ac:chgData name="植野 芳彦" userId="86ab4e6fb1040a80" providerId="LiveId" clId="{FB6A878D-5448-4563-8E2D-9CA6A7F8E530}" dt="2021-05-05T04:13:11.716" v="4310" actId="20577"/>
          <ac:spMkLst>
            <pc:docMk/>
            <pc:sldMk cId="0" sldId="297"/>
            <ac:spMk id="143" creationId="{00000000-0000-0000-0000-000000000000}"/>
          </ac:spMkLst>
        </pc:spChg>
      </pc:sldChg>
      <pc:sldChg chg="add setBg">
        <pc:chgData name="植野 芳彦" userId="86ab4e6fb1040a80" providerId="LiveId" clId="{FB6A878D-5448-4563-8E2D-9CA6A7F8E530}" dt="2021-04-30T09:32:10.447" v="612"/>
        <pc:sldMkLst>
          <pc:docMk/>
          <pc:sldMk cId="0" sldId="304"/>
        </pc:sldMkLst>
      </pc:sldChg>
      <pc:sldChg chg="add modTransition">
        <pc:chgData name="植野 芳彦" userId="86ab4e6fb1040a80" providerId="LiveId" clId="{FB6A878D-5448-4563-8E2D-9CA6A7F8E530}" dt="2021-05-04T08:39:01.199" v="1937"/>
        <pc:sldMkLst>
          <pc:docMk/>
          <pc:sldMk cId="0" sldId="428"/>
        </pc:sldMkLst>
      </pc:sldChg>
      <pc:sldChg chg="add modTransition">
        <pc:chgData name="植野 芳彦" userId="86ab4e6fb1040a80" providerId="LiveId" clId="{FB6A878D-5448-4563-8E2D-9CA6A7F8E530}" dt="2021-05-04T08:39:15.667" v="1938"/>
        <pc:sldMkLst>
          <pc:docMk/>
          <pc:sldMk cId="0" sldId="722"/>
        </pc:sldMkLst>
      </pc:sldChg>
      <pc:sldChg chg="add modTransition">
        <pc:chgData name="植野 芳彦" userId="86ab4e6fb1040a80" providerId="LiveId" clId="{FB6A878D-5448-4563-8E2D-9CA6A7F8E530}" dt="2021-05-04T08:40:17.280" v="1941"/>
        <pc:sldMkLst>
          <pc:docMk/>
          <pc:sldMk cId="0" sldId="759"/>
        </pc:sldMkLst>
      </pc:sldChg>
      <pc:sldChg chg="delSp add del mod">
        <pc:chgData name="植野 芳彦" userId="86ab4e6fb1040a80" providerId="LiveId" clId="{FB6A878D-5448-4563-8E2D-9CA6A7F8E530}" dt="2021-05-04T21:14:41.024" v="3733"/>
        <pc:sldMkLst>
          <pc:docMk/>
          <pc:sldMk cId="1435757445" sldId="762"/>
        </pc:sldMkLst>
        <pc:spChg chg="del">
          <ac:chgData name="植野 芳彦" userId="86ab4e6fb1040a80" providerId="LiveId" clId="{FB6A878D-5448-4563-8E2D-9CA6A7F8E530}" dt="2021-04-30T00:05:16.663" v="516" actId="21"/>
          <ac:spMkLst>
            <pc:docMk/>
            <pc:sldMk cId="1435757445" sldId="762"/>
            <ac:spMk id="10" creationId="{715B2663-2371-414A-B5F5-5B8E99207924}"/>
          </ac:spMkLst>
        </pc:spChg>
      </pc:sldChg>
      <pc:sldChg chg="del">
        <pc:chgData name="植野 芳彦" userId="86ab4e6fb1040a80" providerId="LiveId" clId="{FB6A878D-5448-4563-8E2D-9CA6A7F8E530}" dt="2021-05-04T21:15:03.456" v="3734" actId="2696"/>
        <pc:sldMkLst>
          <pc:docMk/>
          <pc:sldMk cId="2278124977" sldId="798"/>
        </pc:sldMkLst>
      </pc:sldChg>
      <pc:sldChg chg="del">
        <pc:chgData name="植野 芳彦" userId="86ab4e6fb1040a80" providerId="LiveId" clId="{FB6A878D-5448-4563-8E2D-9CA6A7F8E530}" dt="2021-05-04T08:41:35.482" v="1943" actId="2696"/>
        <pc:sldMkLst>
          <pc:docMk/>
          <pc:sldMk cId="185790526" sldId="801"/>
        </pc:sldMkLst>
      </pc:sldChg>
      <pc:sldChg chg="add del">
        <pc:chgData name="植野 芳彦" userId="86ab4e6fb1040a80" providerId="LiveId" clId="{FB6A878D-5448-4563-8E2D-9CA6A7F8E530}" dt="2021-05-05T03:11:15.718" v="4301" actId="2696"/>
        <pc:sldMkLst>
          <pc:docMk/>
          <pc:sldMk cId="2934981720" sldId="801"/>
        </pc:sldMkLst>
      </pc:sldChg>
      <pc:sldChg chg="add">
        <pc:chgData name="植野 芳彦" userId="86ab4e6fb1040a80" providerId="LiveId" clId="{FB6A878D-5448-4563-8E2D-9CA6A7F8E530}" dt="2021-05-04T08:39:53.166" v="1939"/>
        <pc:sldMkLst>
          <pc:docMk/>
          <pc:sldMk cId="0" sldId="869"/>
        </pc:sldMkLst>
      </pc:sldChg>
      <pc:sldChg chg="add">
        <pc:chgData name="植野 芳彦" userId="86ab4e6fb1040a80" providerId="LiveId" clId="{FB6A878D-5448-4563-8E2D-9CA6A7F8E530}" dt="2021-05-04T08:40:03.846" v="1940"/>
        <pc:sldMkLst>
          <pc:docMk/>
          <pc:sldMk cId="0" sldId="871"/>
        </pc:sldMkLst>
      </pc:sldChg>
      <pc:sldChg chg="modSp add mod">
        <pc:chgData name="植野 芳彦" userId="86ab4e6fb1040a80" providerId="LiveId" clId="{FB6A878D-5448-4563-8E2D-9CA6A7F8E530}" dt="2021-05-04T08:43:59.106" v="2138" actId="6549"/>
        <pc:sldMkLst>
          <pc:docMk/>
          <pc:sldMk cId="2640511429" sldId="874"/>
        </pc:sldMkLst>
        <pc:spChg chg="mod">
          <ac:chgData name="植野 芳彦" userId="86ab4e6fb1040a80" providerId="LiveId" clId="{FB6A878D-5448-4563-8E2D-9CA6A7F8E530}" dt="2021-05-04T08:43:59.106" v="2138" actId="6549"/>
          <ac:spMkLst>
            <pc:docMk/>
            <pc:sldMk cId="2640511429" sldId="874"/>
            <ac:spMk id="89090" creationId="{260B3355-38AA-4716-8CAF-A6B4014AADF5}"/>
          </ac:spMkLst>
        </pc:spChg>
        <pc:spChg chg="mod">
          <ac:chgData name="植野 芳彦" userId="86ab4e6fb1040a80" providerId="LiveId" clId="{FB6A878D-5448-4563-8E2D-9CA6A7F8E530}" dt="2021-05-04T08:43:46.328" v="2135" actId="6549"/>
          <ac:spMkLst>
            <pc:docMk/>
            <pc:sldMk cId="2640511429" sldId="874"/>
            <ac:spMk id="89094" creationId="{C198B28F-CBD0-425D-9469-DC346DF5DB8B}"/>
          </ac:spMkLst>
        </pc:spChg>
        <pc:spChg chg="mod">
          <ac:chgData name="植野 芳彦" userId="86ab4e6fb1040a80" providerId="LiveId" clId="{FB6A878D-5448-4563-8E2D-9CA6A7F8E530}" dt="2021-05-04T08:43:51.483" v="2136" actId="1076"/>
          <ac:spMkLst>
            <pc:docMk/>
            <pc:sldMk cId="2640511429" sldId="874"/>
            <ac:spMk id="89095" creationId="{23813229-672A-4AFE-AB40-C13DFF18636E}"/>
          </ac:spMkLst>
        </pc:spChg>
      </pc:sldChg>
      <pc:sldChg chg="addSp delSp modSp add del mod">
        <pc:chgData name="植野 芳彦" userId="86ab4e6fb1040a80" providerId="LiveId" clId="{FB6A878D-5448-4563-8E2D-9CA6A7F8E530}" dt="2021-05-04T21:11:59.047" v="3723" actId="21"/>
        <pc:sldMkLst>
          <pc:docMk/>
          <pc:sldMk cId="341748213" sldId="1255"/>
        </pc:sldMkLst>
        <pc:spChg chg="add del mod">
          <ac:chgData name="植野 芳彦" userId="86ab4e6fb1040a80" providerId="LiveId" clId="{FB6A878D-5448-4563-8E2D-9CA6A7F8E530}" dt="2021-05-04T21:11:59.047" v="3723" actId="21"/>
          <ac:spMkLst>
            <pc:docMk/>
            <pc:sldMk cId="341748213" sldId="1255"/>
            <ac:spMk id="14" creationId="{563D4649-0D06-407D-B4CD-202828135921}"/>
          </ac:spMkLst>
        </pc:spChg>
        <pc:graphicFrameChg chg="mod modGraphic">
          <ac:chgData name="植野 芳彦" userId="86ab4e6fb1040a80" providerId="LiveId" clId="{FB6A878D-5448-4563-8E2D-9CA6A7F8E530}" dt="2021-05-04T21:10:53.094" v="3718" actId="12269"/>
          <ac:graphicFrameMkLst>
            <pc:docMk/>
            <pc:sldMk cId="341748213" sldId="1255"/>
            <ac:graphicFrameMk id="10" creationId="{FCC4842B-EE1B-46AF-AC37-9BA73DC786E1}"/>
          </ac:graphicFrameMkLst>
        </pc:graphicFrameChg>
      </pc:sldChg>
      <pc:sldChg chg="del">
        <pc:chgData name="植野 芳彦" userId="86ab4e6fb1040a80" providerId="LiveId" clId="{FB6A878D-5448-4563-8E2D-9CA6A7F8E530}" dt="2021-04-29T23:45:22.422" v="144" actId="2696"/>
        <pc:sldMkLst>
          <pc:docMk/>
          <pc:sldMk cId="64144364" sldId="1259"/>
        </pc:sldMkLst>
      </pc:sldChg>
      <pc:sldChg chg="add">
        <pc:chgData name="植野 芳彦" userId="86ab4e6fb1040a80" providerId="LiveId" clId="{FB6A878D-5448-4563-8E2D-9CA6A7F8E530}" dt="2021-04-30T07:47:32.561" v="559"/>
        <pc:sldMkLst>
          <pc:docMk/>
          <pc:sldMk cId="777538758" sldId="1265"/>
        </pc:sldMkLst>
      </pc:sldChg>
      <pc:sldChg chg="del">
        <pc:chgData name="植野 芳彦" userId="86ab4e6fb1040a80" providerId="LiveId" clId="{FB6A878D-5448-4563-8E2D-9CA6A7F8E530}" dt="2021-04-30T07:47:26.610" v="558" actId="2696"/>
        <pc:sldMkLst>
          <pc:docMk/>
          <pc:sldMk cId="4281560625" sldId="1265"/>
        </pc:sldMkLst>
      </pc:sldChg>
      <pc:sldChg chg="modSp add mod">
        <pc:chgData name="植野 芳彦" userId="86ab4e6fb1040a80" providerId="LiveId" clId="{FB6A878D-5448-4563-8E2D-9CA6A7F8E530}" dt="2021-05-05T03:10:20.949" v="4255" actId="20577"/>
        <pc:sldMkLst>
          <pc:docMk/>
          <pc:sldMk cId="0" sldId="1277"/>
        </pc:sldMkLst>
        <pc:spChg chg="mod">
          <ac:chgData name="植野 芳彦" userId="86ab4e6fb1040a80" providerId="LiveId" clId="{FB6A878D-5448-4563-8E2D-9CA6A7F8E530}" dt="2021-05-05T03:10:20.949" v="4255" actId="20577"/>
          <ac:spMkLst>
            <pc:docMk/>
            <pc:sldMk cId="0" sldId="1277"/>
            <ac:spMk id="17" creationId="{E09961F6-6B22-471D-B9BF-8067FE4291A3}"/>
          </ac:spMkLst>
        </pc:spChg>
        <pc:spChg chg="mod">
          <ac:chgData name="植野 芳彦" userId="86ab4e6fb1040a80" providerId="LiveId" clId="{FB6A878D-5448-4563-8E2D-9CA6A7F8E530}" dt="2021-05-05T03:09:16.142" v="4189" actId="20577"/>
          <ac:spMkLst>
            <pc:docMk/>
            <pc:sldMk cId="0" sldId="1277"/>
            <ac:spMk id="8214" creationId="{58AAC670-05CC-41E4-AFA8-1AB1E7337C87}"/>
          </ac:spMkLst>
        </pc:spChg>
      </pc:sldChg>
      <pc:sldChg chg="delSp modSp del mod">
        <pc:chgData name="植野 芳彦" userId="86ab4e6fb1040a80" providerId="LiveId" clId="{FB6A878D-5448-4563-8E2D-9CA6A7F8E530}" dt="2021-05-04T10:05:32.099" v="3245" actId="2696"/>
        <pc:sldMkLst>
          <pc:docMk/>
          <pc:sldMk cId="628131486" sldId="1279"/>
        </pc:sldMkLst>
        <pc:spChg chg="mod">
          <ac:chgData name="植野 芳彦" userId="86ab4e6fb1040a80" providerId="LiveId" clId="{FB6A878D-5448-4563-8E2D-9CA6A7F8E530}" dt="2021-04-30T00:04:15.006" v="514" actId="20577"/>
          <ac:spMkLst>
            <pc:docMk/>
            <pc:sldMk cId="628131486" sldId="1279"/>
            <ac:spMk id="2" creationId="{82938571-0A58-4EDF-B589-BFB69C06708A}"/>
          </ac:spMkLst>
        </pc:spChg>
        <pc:spChg chg="mod">
          <ac:chgData name="植野 芳彦" userId="86ab4e6fb1040a80" providerId="LiveId" clId="{FB6A878D-5448-4563-8E2D-9CA6A7F8E530}" dt="2021-04-30T00:04:20.692" v="515" actId="1076"/>
          <ac:spMkLst>
            <pc:docMk/>
            <pc:sldMk cId="628131486" sldId="1279"/>
            <ac:spMk id="3" creationId="{506AEB8A-0004-44B9-98AF-FB9ECD01FCDC}"/>
          </ac:spMkLst>
        </pc:spChg>
        <pc:spChg chg="del mod">
          <ac:chgData name="植野 芳彦" userId="86ab4e6fb1040a80" providerId="LiveId" clId="{FB6A878D-5448-4563-8E2D-9CA6A7F8E530}" dt="2021-04-23T07:10:48.630" v="35" actId="21"/>
          <ac:spMkLst>
            <pc:docMk/>
            <pc:sldMk cId="628131486" sldId="1279"/>
            <ac:spMk id="4" creationId="{1A882A0A-93E6-4711-AFE8-640F891E90A5}"/>
          </ac:spMkLst>
        </pc:spChg>
      </pc:sldChg>
      <pc:sldChg chg="delSp modSp mod">
        <pc:chgData name="植野 芳彦" userId="86ab4e6fb1040a80" providerId="LiveId" clId="{FB6A878D-5448-4563-8E2D-9CA6A7F8E530}" dt="2021-05-04T09:57:08.028" v="2252" actId="20577"/>
        <pc:sldMkLst>
          <pc:docMk/>
          <pc:sldMk cId="3462856745" sldId="1280"/>
        </pc:sldMkLst>
        <pc:spChg chg="mod">
          <ac:chgData name="植野 芳彦" userId="86ab4e6fb1040a80" providerId="LiveId" clId="{FB6A878D-5448-4563-8E2D-9CA6A7F8E530}" dt="2021-05-04T09:56:03.159" v="2160" actId="20577"/>
          <ac:spMkLst>
            <pc:docMk/>
            <pc:sldMk cId="3462856745" sldId="1280"/>
            <ac:spMk id="2" creationId="{56BF684E-7CE0-4890-9F99-9AF12F387B6B}"/>
          </ac:spMkLst>
        </pc:spChg>
        <pc:spChg chg="mod">
          <ac:chgData name="植野 芳彦" userId="86ab4e6fb1040a80" providerId="LiveId" clId="{FB6A878D-5448-4563-8E2D-9CA6A7F8E530}" dt="2021-05-04T09:57:08.028" v="2252" actId="20577"/>
          <ac:spMkLst>
            <pc:docMk/>
            <pc:sldMk cId="3462856745" sldId="1280"/>
            <ac:spMk id="3" creationId="{5947CF7B-6D11-4F5C-860D-FB2C59F3029A}"/>
          </ac:spMkLst>
        </pc:spChg>
        <pc:spChg chg="del">
          <ac:chgData name="植野 芳彦" userId="86ab4e6fb1040a80" providerId="LiveId" clId="{FB6A878D-5448-4563-8E2D-9CA6A7F8E530}" dt="2021-04-23T07:10:17.606" v="31" actId="21"/>
          <ac:spMkLst>
            <pc:docMk/>
            <pc:sldMk cId="3462856745" sldId="1280"/>
            <ac:spMk id="4" creationId="{C4B4FF5D-8034-48BB-B106-7A6DB2FFC2EC}"/>
          </ac:spMkLst>
        </pc:spChg>
      </pc:sldChg>
      <pc:sldChg chg="delSp modSp mod">
        <pc:chgData name="植野 芳彦" userId="86ab4e6fb1040a80" providerId="LiveId" clId="{FB6A878D-5448-4563-8E2D-9CA6A7F8E530}" dt="2021-05-04T10:07:01.283" v="3306" actId="20577"/>
        <pc:sldMkLst>
          <pc:docMk/>
          <pc:sldMk cId="1002088801" sldId="1281"/>
        </pc:sldMkLst>
        <pc:spChg chg="mod">
          <ac:chgData name="植野 芳彦" userId="86ab4e6fb1040a80" providerId="LiveId" clId="{FB6A878D-5448-4563-8E2D-9CA6A7F8E530}" dt="2021-05-04T10:07:01.283" v="3306" actId="20577"/>
          <ac:spMkLst>
            <pc:docMk/>
            <pc:sldMk cId="1002088801" sldId="1281"/>
            <ac:spMk id="3" creationId="{A9985CD6-1ED3-49C6-8DD4-86EE2784C36C}"/>
          </ac:spMkLst>
        </pc:spChg>
        <pc:spChg chg="del">
          <ac:chgData name="植野 芳彦" userId="86ab4e6fb1040a80" providerId="LiveId" clId="{FB6A878D-5448-4563-8E2D-9CA6A7F8E530}" dt="2021-04-23T07:10:40.741" v="33" actId="21"/>
          <ac:spMkLst>
            <pc:docMk/>
            <pc:sldMk cId="1002088801" sldId="1281"/>
            <ac:spMk id="4" creationId="{83DE5482-184B-4171-B574-B4946F6CD34B}"/>
          </ac:spMkLst>
        </pc:spChg>
      </pc:sldChg>
      <pc:sldChg chg="delSp del mod">
        <pc:chgData name="植野 芳彦" userId="86ab4e6fb1040a80" providerId="LiveId" clId="{FB6A878D-5448-4563-8E2D-9CA6A7F8E530}" dt="2021-04-29T00:20:20.654" v="45" actId="2696"/>
        <pc:sldMkLst>
          <pc:docMk/>
          <pc:sldMk cId="3011497487" sldId="1288"/>
        </pc:sldMkLst>
        <pc:spChg chg="del">
          <ac:chgData name="植野 芳彦" userId="86ab4e6fb1040a80" providerId="LiveId" clId="{FB6A878D-5448-4563-8E2D-9CA6A7F8E530}" dt="2021-04-23T07:10:29.244" v="32" actId="21"/>
          <ac:spMkLst>
            <pc:docMk/>
            <pc:sldMk cId="3011497487" sldId="1288"/>
            <ac:spMk id="5" creationId="{3C5939FF-433F-4FA8-BD2C-72D8D1947C86}"/>
          </ac:spMkLst>
        </pc:spChg>
      </pc:sldChg>
      <pc:sldChg chg="addSp new del">
        <pc:chgData name="植野 芳彦" userId="86ab4e6fb1040a80" providerId="LiveId" clId="{FB6A878D-5448-4563-8E2D-9CA6A7F8E530}" dt="2021-04-25T03:18:36.394" v="44" actId="2696"/>
        <pc:sldMkLst>
          <pc:docMk/>
          <pc:sldMk cId="3423614235" sldId="1289"/>
        </pc:sldMkLst>
        <pc:picChg chg="add">
          <ac:chgData name="植野 芳彦" userId="86ab4e6fb1040a80" providerId="LiveId" clId="{FB6A878D-5448-4563-8E2D-9CA6A7F8E530}" dt="2021-04-18T10:20:52.693" v="1"/>
          <ac:picMkLst>
            <pc:docMk/>
            <pc:sldMk cId="3423614235" sldId="1289"/>
            <ac:picMk id="2" creationId="{F8ADE10C-5F7C-4832-B8B2-8FE86388FE1A}"/>
          </ac:picMkLst>
        </pc:picChg>
      </pc:sldChg>
      <pc:sldChg chg="addSp new">
        <pc:chgData name="植野 芳彦" userId="86ab4e6fb1040a80" providerId="LiveId" clId="{FB6A878D-5448-4563-8E2D-9CA6A7F8E530}" dt="2021-04-18T10:21:20.214" v="3"/>
        <pc:sldMkLst>
          <pc:docMk/>
          <pc:sldMk cId="486285533" sldId="1290"/>
        </pc:sldMkLst>
        <pc:picChg chg="add">
          <ac:chgData name="植野 芳彦" userId="86ab4e6fb1040a80" providerId="LiveId" clId="{FB6A878D-5448-4563-8E2D-9CA6A7F8E530}" dt="2021-04-18T10:21:20.214" v="3"/>
          <ac:picMkLst>
            <pc:docMk/>
            <pc:sldMk cId="486285533" sldId="1290"/>
            <ac:picMk id="2" creationId="{8E52AC40-DD26-4104-B62B-BE6417D0F035}"/>
          </ac:picMkLst>
        </pc:picChg>
      </pc:sldChg>
      <pc:sldChg chg="addSp new">
        <pc:chgData name="植野 芳彦" userId="86ab4e6fb1040a80" providerId="LiveId" clId="{FB6A878D-5448-4563-8E2D-9CA6A7F8E530}" dt="2021-04-18T10:21:51.003" v="5"/>
        <pc:sldMkLst>
          <pc:docMk/>
          <pc:sldMk cId="3193102538" sldId="1291"/>
        </pc:sldMkLst>
        <pc:picChg chg="add">
          <ac:chgData name="植野 芳彦" userId="86ab4e6fb1040a80" providerId="LiveId" clId="{FB6A878D-5448-4563-8E2D-9CA6A7F8E530}" dt="2021-04-18T10:21:51.003" v="5"/>
          <ac:picMkLst>
            <pc:docMk/>
            <pc:sldMk cId="3193102538" sldId="1291"/>
            <ac:picMk id="2" creationId="{FA8A5F02-D098-4DAD-AE69-F63C2E9E5B05}"/>
          </ac:picMkLst>
        </pc:picChg>
      </pc:sldChg>
      <pc:sldChg chg="addSp new">
        <pc:chgData name="植野 芳彦" userId="86ab4e6fb1040a80" providerId="LiveId" clId="{FB6A878D-5448-4563-8E2D-9CA6A7F8E530}" dt="2021-04-18T10:22:19.324" v="7"/>
        <pc:sldMkLst>
          <pc:docMk/>
          <pc:sldMk cId="1076282072" sldId="1292"/>
        </pc:sldMkLst>
        <pc:picChg chg="add">
          <ac:chgData name="植野 芳彦" userId="86ab4e6fb1040a80" providerId="LiveId" clId="{FB6A878D-5448-4563-8E2D-9CA6A7F8E530}" dt="2021-04-18T10:22:19.324" v="7"/>
          <ac:picMkLst>
            <pc:docMk/>
            <pc:sldMk cId="1076282072" sldId="1292"/>
            <ac:picMk id="2" creationId="{5211DF6E-736E-4688-85AF-55C979C55633}"/>
          </ac:picMkLst>
        </pc:picChg>
      </pc:sldChg>
      <pc:sldChg chg="addSp new">
        <pc:chgData name="植野 芳彦" userId="86ab4e6fb1040a80" providerId="LiveId" clId="{FB6A878D-5448-4563-8E2D-9CA6A7F8E530}" dt="2021-04-18T10:22:39.704" v="9"/>
        <pc:sldMkLst>
          <pc:docMk/>
          <pc:sldMk cId="2455264182" sldId="1293"/>
        </pc:sldMkLst>
        <pc:picChg chg="add">
          <ac:chgData name="植野 芳彦" userId="86ab4e6fb1040a80" providerId="LiveId" clId="{FB6A878D-5448-4563-8E2D-9CA6A7F8E530}" dt="2021-04-18T10:22:39.704" v="9"/>
          <ac:picMkLst>
            <pc:docMk/>
            <pc:sldMk cId="2455264182" sldId="1293"/>
            <ac:picMk id="2" creationId="{FFE65DB9-A61F-40ED-9B4A-A4B9B6EB4AF8}"/>
          </ac:picMkLst>
        </pc:picChg>
      </pc:sldChg>
      <pc:sldChg chg="addSp new">
        <pc:chgData name="植野 芳彦" userId="86ab4e6fb1040a80" providerId="LiveId" clId="{FB6A878D-5448-4563-8E2D-9CA6A7F8E530}" dt="2021-04-18T10:23:04.299" v="11"/>
        <pc:sldMkLst>
          <pc:docMk/>
          <pc:sldMk cId="3420141141" sldId="1294"/>
        </pc:sldMkLst>
        <pc:picChg chg="add">
          <ac:chgData name="植野 芳彦" userId="86ab4e6fb1040a80" providerId="LiveId" clId="{FB6A878D-5448-4563-8E2D-9CA6A7F8E530}" dt="2021-04-18T10:23:04.299" v="11"/>
          <ac:picMkLst>
            <pc:docMk/>
            <pc:sldMk cId="3420141141" sldId="1294"/>
            <ac:picMk id="2" creationId="{BA9858D6-C146-482C-899A-0BE7AE40AB1C}"/>
          </ac:picMkLst>
        </pc:picChg>
      </pc:sldChg>
      <pc:sldChg chg="addSp new">
        <pc:chgData name="植野 芳彦" userId="86ab4e6fb1040a80" providerId="LiveId" clId="{FB6A878D-5448-4563-8E2D-9CA6A7F8E530}" dt="2021-04-18T10:23:24.492" v="13"/>
        <pc:sldMkLst>
          <pc:docMk/>
          <pc:sldMk cId="2772979103" sldId="1295"/>
        </pc:sldMkLst>
        <pc:picChg chg="add">
          <ac:chgData name="植野 芳彦" userId="86ab4e6fb1040a80" providerId="LiveId" clId="{FB6A878D-5448-4563-8E2D-9CA6A7F8E530}" dt="2021-04-18T10:23:24.492" v="13"/>
          <ac:picMkLst>
            <pc:docMk/>
            <pc:sldMk cId="2772979103" sldId="1295"/>
            <ac:picMk id="2" creationId="{8F151B3E-AF09-4AEC-A629-8D0D67009D9E}"/>
          </ac:picMkLst>
        </pc:picChg>
      </pc:sldChg>
      <pc:sldChg chg="addSp new">
        <pc:chgData name="植野 芳彦" userId="86ab4e6fb1040a80" providerId="LiveId" clId="{FB6A878D-5448-4563-8E2D-9CA6A7F8E530}" dt="2021-04-18T10:23:46.442" v="15"/>
        <pc:sldMkLst>
          <pc:docMk/>
          <pc:sldMk cId="3847660403" sldId="1296"/>
        </pc:sldMkLst>
        <pc:picChg chg="add">
          <ac:chgData name="植野 芳彦" userId="86ab4e6fb1040a80" providerId="LiveId" clId="{FB6A878D-5448-4563-8E2D-9CA6A7F8E530}" dt="2021-04-18T10:23:46.442" v="15"/>
          <ac:picMkLst>
            <pc:docMk/>
            <pc:sldMk cId="3847660403" sldId="1296"/>
            <ac:picMk id="2" creationId="{6F3E391E-D447-4A33-AA27-2A85C20C3532}"/>
          </ac:picMkLst>
        </pc:picChg>
      </pc:sldChg>
      <pc:sldChg chg="addSp new">
        <pc:chgData name="植野 芳彦" userId="86ab4e6fb1040a80" providerId="LiveId" clId="{FB6A878D-5448-4563-8E2D-9CA6A7F8E530}" dt="2021-04-18T10:24:10.686" v="17"/>
        <pc:sldMkLst>
          <pc:docMk/>
          <pc:sldMk cId="3724084916" sldId="1297"/>
        </pc:sldMkLst>
        <pc:picChg chg="add">
          <ac:chgData name="植野 芳彦" userId="86ab4e6fb1040a80" providerId="LiveId" clId="{FB6A878D-5448-4563-8E2D-9CA6A7F8E530}" dt="2021-04-18T10:24:10.686" v="17"/>
          <ac:picMkLst>
            <pc:docMk/>
            <pc:sldMk cId="3724084916" sldId="1297"/>
            <ac:picMk id="2" creationId="{0828268B-508A-4E50-88A8-72AD078A402E}"/>
          </ac:picMkLst>
        </pc:picChg>
      </pc:sldChg>
      <pc:sldChg chg="addSp new">
        <pc:chgData name="植野 芳彦" userId="86ab4e6fb1040a80" providerId="LiveId" clId="{FB6A878D-5448-4563-8E2D-9CA6A7F8E530}" dt="2021-04-18T10:24:39.427" v="19"/>
        <pc:sldMkLst>
          <pc:docMk/>
          <pc:sldMk cId="337223516" sldId="1298"/>
        </pc:sldMkLst>
        <pc:picChg chg="add">
          <ac:chgData name="植野 芳彦" userId="86ab4e6fb1040a80" providerId="LiveId" clId="{FB6A878D-5448-4563-8E2D-9CA6A7F8E530}" dt="2021-04-18T10:24:39.427" v="19"/>
          <ac:picMkLst>
            <pc:docMk/>
            <pc:sldMk cId="337223516" sldId="1298"/>
            <ac:picMk id="2" creationId="{825E6BC6-AD15-420F-992C-89C2347D4676}"/>
          </ac:picMkLst>
        </pc:picChg>
      </pc:sldChg>
      <pc:sldChg chg="addSp delSp modSp new del mod">
        <pc:chgData name="植野 芳彦" userId="86ab4e6fb1040a80" providerId="LiveId" clId="{FB6A878D-5448-4563-8E2D-9CA6A7F8E530}" dt="2021-04-18T10:27:11.381" v="30" actId="2696"/>
        <pc:sldMkLst>
          <pc:docMk/>
          <pc:sldMk cId="701064746" sldId="1299"/>
        </pc:sldMkLst>
        <pc:picChg chg="add del">
          <ac:chgData name="植野 芳彦" userId="86ab4e6fb1040a80" providerId="LiveId" clId="{FB6A878D-5448-4563-8E2D-9CA6A7F8E530}" dt="2021-04-18T10:26:14.270" v="24" actId="21"/>
          <ac:picMkLst>
            <pc:docMk/>
            <pc:sldMk cId="701064746" sldId="1299"/>
            <ac:picMk id="3" creationId="{7FCB8F76-7927-48C9-A933-29C3F631BD19}"/>
          </ac:picMkLst>
        </pc:picChg>
        <pc:picChg chg="add mod">
          <ac:chgData name="植野 芳彦" userId="86ab4e6fb1040a80" providerId="LiveId" clId="{FB6A878D-5448-4563-8E2D-9CA6A7F8E530}" dt="2021-04-18T10:26:22.659" v="27" actId="14100"/>
          <ac:picMkLst>
            <pc:docMk/>
            <pc:sldMk cId="701064746" sldId="1299"/>
            <ac:picMk id="5" creationId="{7E6B462D-8D6C-437A-994C-90687D43832D}"/>
          </ac:picMkLst>
        </pc:picChg>
        <pc:picChg chg="add del">
          <ac:chgData name="植野 芳彦" userId="86ab4e6fb1040a80" providerId="LiveId" clId="{FB6A878D-5448-4563-8E2D-9CA6A7F8E530}" dt="2021-04-18T10:26:57.603" v="29" actId="21"/>
          <ac:picMkLst>
            <pc:docMk/>
            <pc:sldMk cId="701064746" sldId="1299"/>
            <ac:picMk id="7" creationId="{5295EB2E-79FA-4463-87AE-E74353CE7F82}"/>
          </ac:picMkLst>
        </pc:picChg>
      </pc:sldChg>
      <pc:sldChg chg="addSp modSp new mod">
        <pc:chgData name="植野 芳彦" userId="86ab4e6fb1040a80" providerId="LiveId" clId="{FB6A878D-5448-4563-8E2D-9CA6A7F8E530}" dt="2021-05-03T12:01:25.398" v="1867" actId="1076"/>
        <pc:sldMkLst>
          <pc:docMk/>
          <pc:sldMk cId="3179694951" sldId="1299"/>
        </pc:sldMkLst>
        <pc:spChg chg="add mod">
          <ac:chgData name="植野 芳彦" userId="86ab4e6fb1040a80" providerId="LiveId" clId="{FB6A878D-5448-4563-8E2D-9CA6A7F8E530}" dt="2021-05-03T12:01:25.398" v="1867" actId="1076"/>
          <ac:spMkLst>
            <pc:docMk/>
            <pc:sldMk cId="3179694951" sldId="1299"/>
            <ac:spMk id="4" creationId="{0E2006E4-BE56-4B62-BF57-11238F0A09FF}"/>
          </ac:spMkLst>
        </pc:spChg>
        <pc:picChg chg="add mod">
          <ac:chgData name="植野 芳彦" userId="86ab4e6fb1040a80" providerId="LiveId" clId="{FB6A878D-5448-4563-8E2D-9CA6A7F8E530}" dt="2021-04-24T10:05:15.494" v="42" actId="1076"/>
          <ac:picMkLst>
            <pc:docMk/>
            <pc:sldMk cId="3179694951" sldId="1299"/>
            <ac:picMk id="2" creationId="{2E194A9A-2DAE-4637-9558-BFAE8AACFAA0}"/>
          </ac:picMkLst>
        </pc:picChg>
        <pc:picChg chg="add mod">
          <ac:chgData name="植野 芳彦" userId="86ab4e6fb1040a80" providerId="LiveId" clId="{FB6A878D-5448-4563-8E2D-9CA6A7F8E530}" dt="2021-04-24T10:05:19.118" v="43" actId="14100"/>
          <ac:picMkLst>
            <pc:docMk/>
            <pc:sldMk cId="3179694951" sldId="1299"/>
            <ac:picMk id="3" creationId="{9DA42BF2-AD1B-4FBB-9765-13F229D640EA}"/>
          </ac:picMkLst>
        </pc:picChg>
      </pc:sldChg>
      <pc:sldChg chg="addSp delSp modSp new mod">
        <pc:chgData name="植野 芳彦" userId="86ab4e6fb1040a80" providerId="LiveId" clId="{FB6A878D-5448-4563-8E2D-9CA6A7F8E530}" dt="2021-04-30T20:30:24.461" v="636"/>
        <pc:sldMkLst>
          <pc:docMk/>
          <pc:sldMk cId="3021882471" sldId="1300"/>
        </pc:sldMkLst>
        <pc:spChg chg="add mod">
          <ac:chgData name="植野 芳彦" userId="86ab4e6fb1040a80" providerId="LiveId" clId="{FB6A878D-5448-4563-8E2D-9CA6A7F8E530}" dt="2021-04-30T20:30:24.461" v="636"/>
          <ac:spMkLst>
            <pc:docMk/>
            <pc:sldMk cId="3021882471" sldId="1300"/>
            <ac:spMk id="3" creationId="{56E4F353-4848-44FD-A0C9-3DDE7FD8DF8E}"/>
          </ac:spMkLst>
        </pc:spChg>
        <pc:spChg chg="add del mod">
          <ac:chgData name="植野 芳彦" userId="86ab4e6fb1040a80" providerId="LiveId" clId="{FB6A878D-5448-4563-8E2D-9CA6A7F8E530}" dt="2021-04-30T20:28:35.785" v="615" actId="21"/>
          <ac:spMkLst>
            <pc:docMk/>
            <pc:sldMk cId="3021882471" sldId="1300"/>
            <ac:spMk id="4" creationId="{323E7BBA-30F8-494A-AC9B-2720FB3865B3}"/>
          </ac:spMkLst>
        </pc:spChg>
      </pc:sldChg>
      <pc:sldChg chg="addSp modSp new mod">
        <pc:chgData name="植野 芳彦" userId="86ab4e6fb1040a80" providerId="LiveId" clId="{FB6A878D-5448-4563-8E2D-9CA6A7F8E530}" dt="2021-04-30T20:33:25.487" v="712" actId="6549"/>
        <pc:sldMkLst>
          <pc:docMk/>
          <pc:sldMk cId="2003854326" sldId="1301"/>
        </pc:sldMkLst>
        <pc:spChg chg="add mod">
          <ac:chgData name="植野 芳彦" userId="86ab4e6fb1040a80" providerId="LiveId" clId="{FB6A878D-5448-4563-8E2D-9CA6A7F8E530}" dt="2021-04-30T20:33:25.487" v="712" actId="6549"/>
          <ac:spMkLst>
            <pc:docMk/>
            <pc:sldMk cId="2003854326" sldId="1301"/>
            <ac:spMk id="2" creationId="{A27FE13B-8748-4792-9EA7-CDE6531DDBFE}"/>
          </ac:spMkLst>
        </pc:spChg>
      </pc:sldChg>
      <pc:sldChg chg="addSp delSp modSp new mod">
        <pc:chgData name="植野 芳彦" userId="86ab4e6fb1040a80" providerId="LiveId" clId="{FB6A878D-5448-4563-8E2D-9CA6A7F8E530}" dt="2021-04-30T20:36:06.431" v="980" actId="255"/>
        <pc:sldMkLst>
          <pc:docMk/>
          <pc:sldMk cId="211416961" sldId="1302"/>
        </pc:sldMkLst>
        <pc:spChg chg="del mod">
          <ac:chgData name="植野 芳彦" userId="86ab4e6fb1040a80" providerId="LiveId" clId="{FB6A878D-5448-4563-8E2D-9CA6A7F8E530}" dt="2021-04-30T20:34:09.837" v="728" actId="21"/>
          <ac:spMkLst>
            <pc:docMk/>
            <pc:sldMk cId="211416961" sldId="1302"/>
            <ac:spMk id="2" creationId="{BDB3F488-F138-4A6F-B0F6-BF569B1A593A}"/>
          </ac:spMkLst>
        </pc:spChg>
        <pc:spChg chg="add del mod">
          <ac:chgData name="植野 芳彦" userId="86ab4e6fb1040a80" providerId="LiveId" clId="{FB6A878D-5448-4563-8E2D-9CA6A7F8E530}" dt="2021-04-30T20:34:13.320" v="729" actId="21"/>
          <ac:spMkLst>
            <pc:docMk/>
            <pc:sldMk cId="211416961" sldId="1302"/>
            <ac:spMk id="4" creationId="{24F3934F-7062-426B-9E68-144DD95DFBBB}"/>
          </ac:spMkLst>
        </pc:spChg>
        <pc:spChg chg="add mod">
          <ac:chgData name="植野 芳彦" userId="86ab4e6fb1040a80" providerId="LiveId" clId="{FB6A878D-5448-4563-8E2D-9CA6A7F8E530}" dt="2021-04-30T20:36:06.431" v="980" actId="255"/>
          <ac:spMkLst>
            <pc:docMk/>
            <pc:sldMk cId="211416961" sldId="1302"/>
            <ac:spMk id="5" creationId="{88BCA9C9-9F6D-4727-990D-AD043F36285F}"/>
          </ac:spMkLst>
        </pc:spChg>
      </pc:sldChg>
      <pc:sldChg chg="addSp delSp new del mod">
        <pc:chgData name="植野 芳彦" userId="86ab4e6fb1040a80" providerId="LiveId" clId="{FB6A878D-5448-4563-8E2D-9CA6A7F8E530}" dt="2021-05-02T20:31:24.930" v="1127" actId="2696"/>
        <pc:sldMkLst>
          <pc:docMk/>
          <pc:sldMk cId="401039163" sldId="1303"/>
        </pc:sldMkLst>
        <pc:picChg chg="add del">
          <ac:chgData name="植野 芳彦" userId="86ab4e6fb1040a80" providerId="LiveId" clId="{FB6A878D-5448-4563-8E2D-9CA6A7F8E530}" dt="2021-05-02T20:31:19.275" v="1126" actId="21"/>
          <ac:picMkLst>
            <pc:docMk/>
            <pc:sldMk cId="401039163" sldId="1303"/>
            <ac:picMk id="2" creationId="{F5D2C3EA-FDAB-468D-8D32-9D929544538F}"/>
          </ac:picMkLst>
        </pc:picChg>
      </pc:sldChg>
      <pc:sldChg chg="addSp delSp modSp new mod">
        <pc:chgData name="植野 芳彦" userId="86ab4e6fb1040a80" providerId="LiveId" clId="{FB6A878D-5448-4563-8E2D-9CA6A7F8E530}" dt="2021-05-03T12:01:04.450" v="1865" actId="1076"/>
        <pc:sldMkLst>
          <pc:docMk/>
          <pc:sldMk cId="3500431397" sldId="1304"/>
        </pc:sldMkLst>
        <pc:spChg chg="add mod">
          <ac:chgData name="植野 芳彦" userId="86ab4e6fb1040a80" providerId="LiveId" clId="{FB6A878D-5448-4563-8E2D-9CA6A7F8E530}" dt="2021-05-03T10:53:23.571" v="1140" actId="1076"/>
          <ac:spMkLst>
            <pc:docMk/>
            <pc:sldMk cId="3500431397" sldId="1304"/>
            <ac:spMk id="2" creationId="{1D2483CE-52C5-40B5-951B-27F3BD75B56E}"/>
          </ac:spMkLst>
        </pc:spChg>
        <pc:spChg chg="add mod">
          <ac:chgData name="植野 芳彦" userId="86ab4e6fb1040a80" providerId="LiveId" clId="{FB6A878D-5448-4563-8E2D-9CA6A7F8E530}" dt="2021-05-03T10:53:27.508" v="1141" actId="1076"/>
          <ac:spMkLst>
            <pc:docMk/>
            <pc:sldMk cId="3500431397" sldId="1304"/>
            <ac:spMk id="3" creationId="{7A58253C-08F8-4704-8C65-C7F188AFEBEC}"/>
          </ac:spMkLst>
        </pc:spChg>
        <pc:spChg chg="add mod">
          <ac:chgData name="植野 芳彦" userId="86ab4e6fb1040a80" providerId="LiveId" clId="{FB6A878D-5448-4563-8E2D-9CA6A7F8E530}" dt="2021-05-03T10:53:30.789" v="1142" actId="1076"/>
          <ac:spMkLst>
            <pc:docMk/>
            <pc:sldMk cId="3500431397" sldId="1304"/>
            <ac:spMk id="4" creationId="{BE87FAAA-CB02-455C-B090-AED62EB24C9E}"/>
          </ac:spMkLst>
        </pc:spChg>
        <pc:spChg chg="add mod">
          <ac:chgData name="植野 芳彦" userId="86ab4e6fb1040a80" providerId="LiveId" clId="{FB6A878D-5448-4563-8E2D-9CA6A7F8E530}" dt="2021-05-03T10:53:33.163" v="1143" actId="1076"/>
          <ac:spMkLst>
            <pc:docMk/>
            <pc:sldMk cId="3500431397" sldId="1304"/>
            <ac:spMk id="5" creationId="{E5D7DA03-E136-4120-BBF3-ED907EB7AF15}"/>
          </ac:spMkLst>
        </pc:spChg>
        <pc:spChg chg="add mod">
          <ac:chgData name="植野 芳彦" userId="86ab4e6fb1040a80" providerId="LiveId" clId="{FB6A878D-5448-4563-8E2D-9CA6A7F8E530}" dt="2021-05-03T10:55:44.600" v="1170" actId="1076"/>
          <ac:spMkLst>
            <pc:docMk/>
            <pc:sldMk cId="3500431397" sldId="1304"/>
            <ac:spMk id="6" creationId="{52D83903-842F-4DFF-AE6A-3BCAD998D63A}"/>
          </ac:spMkLst>
        </pc:spChg>
        <pc:spChg chg="add del mod">
          <ac:chgData name="植野 芳彦" userId="86ab4e6fb1040a80" providerId="LiveId" clId="{FB6A878D-5448-4563-8E2D-9CA6A7F8E530}" dt="2021-05-03T11:10:55.460" v="1831" actId="21"/>
          <ac:spMkLst>
            <pc:docMk/>
            <pc:sldMk cId="3500431397" sldId="1304"/>
            <ac:spMk id="7" creationId="{1A4F0E41-BF17-440D-9AA9-706C6D0AEC10}"/>
          </ac:spMkLst>
        </pc:spChg>
        <pc:spChg chg="add mod">
          <ac:chgData name="植野 芳彦" userId="86ab4e6fb1040a80" providerId="LiveId" clId="{FB6A878D-5448-4563-8E2D-9CA6A7F8E530}" dt="2021-05-03T12:01:04.450" v="1865" actId="1076"/>
          <ac:spMkLst>
            <pc:docMk/>
            <pc:sldMk cId="3500431397" sldId="1304"/>
            <ac:spMk id="7" creationId="{4D0D4CAA-F1E2-4F24-8780-C69E621ABF4A}"/>
          </ac:spMkLst>
        </pc:spChg>
        <pc:spChg chg="add del mod">
          <ac:chgData name="植野 芳彦" userId="86ab4e6fb1040a80" providerId="LiveId" clId="{FB6A878D-5448-4563-8E2D-9CA6A7F8E530}" dt="2021-05-03T11:10:53.491" v="1830" actId="21"/>
          <ac:spMkLst>
            <pc:docMk/>
            <pc:sldMk cId="3500431397" sldId="1304"/>
            <ac:spMk id="8" creationId="{D77C1FE7-74B6-4A8D-9B7C-8264E56665D9}"/>
          </ac:spMkLst>
        </pc:spChg>
        <pc:spChg chg="add del mod">
          <ac:chgData name="植野 芳彦" userId="86ab4e6fb1040a80" providerId="LiveId" clId="{FB6A878D-5448-4563-8E2D-9CA6A7F8E530}" dt="2021-05-03T11:10:57.194" v="1832" actId="21"/>
          <ac:spMkLst>
            <pc:docMk/>
            <pc:sldMk cId="3500431397" sldId="1304"/>
            <ac:spMk id="9" creationId="{D98097ED-7E79-43FD-8BEA-022A93234555}"/>
          </ac:spMkLst>
        </pc:spChg>
        <pc:spChg chg="add del mod">
          <ac:chgData name="植野 芳彦" userId="86ab4e6fb1040a80" providerId="LiveId" clId="{FB6A878D-5448-4563-8E2D-9CA6A7F8E530}" dt="2021-05-03T10:57:50.307" v="1202" actId="21"/>
          <ac:spMkLst>
            <pc:docMk/>
            <pc:sldMk cId="3500431397" sldId="1304"/>
            <ac:spMk id="10" creationId="{16F0FDD6-9AFB-434A-BC10-F31CEB88E222}"/>
          </ac:spMkLst>
        </pc:spChg>
        <pc:spChg chg="add mod">
          <ac:chgData name="植野 芳彦" userId="86ab4e6fb1040a80" providerId="LiveId" clId="{FB6A878D-5448-4563-8E2D-9CA6A7F8E530}" dt="2021-05-03T10:54:55.534" v="1160" actId="1076"/>
          <ac:spMkLst>
            <pc:docMk/>
            <pc:sldMk cId="3500431397" sldId="1304"/>
            <ac:spMk id="11" creationId="{32FF8CE3-C7B8-43CC-9D2B-23FA0FC86A4B}"/>
          </ac:spMkLst>
        </pc:spChg>
        <pc:spChg chg="add mod">
          <ac:chgData name="植野 芳彦" userId="86ab4e6fb1040a80" providerId="LiveId" clId="{FB6A878D-5448-4563-8E2D-9CA6A7F8E530}" dt="2021-05-03T10:54:46.052" v="1157" actId="688"/>
          <ac:spMkLst>
            <pc:docMk/>
            <pc:sldMk cId="3500431397" sldId="1304"/>
            <ac:spMk id="12" creationId="{A353D8F1-CE9E-4F67-9D20-FD380CCC9195}"/>
          </ac:spMkLst>
        </pc:spChg>
        <pc:spChg chg="add mod">
          <ac:chgData name="植野 芳彦" userId="86ab4e6fb1040a80" providerId="LiveId" clId="{FB6A878D-5448-4563-8E2D-9CA6A7F8E530}" dt="2021-05-03T10:55:18.841" v="1164" actId="1076"/>
          <ac:spMkLst>
            <pc:docMk/>
            <pc:sldMk cId="3500431397" sldId="1304"/>
            <ac:spMk id="13" creationId="{A9B91C2E-9D55-461B-BA65-26FDF74C26DA}"/>
          </ac:spMkLst>
        </pc:spChg>
        <pc:spChg chg="add mod">
          <ac:chgData name="植野 芳彦" userId="86ab4e6fb1040a80" providerId="LiveId" clId="{FB6A878D-5448-4563-8E2D-9CA6A7F8E530}" dt="2021-05-03T10:55:37.431" v="1168" actId="1076"/>
          <ac:spMkLst>
            <pc:docMk/>
            <pc:sldMk cId="3500431397" sldId="1304"/>
            <ac:spMk id="14" creationId="{EC05719D-53BA-4535-8646-C86FB125ABE7}"/>
          </ac:spMkLst>
        </pc:spChg>
        <pc:spChg chg="add mod">
          <ac:chgData name="植野 芳彦" userId="86ab4e6fb1040a80" providerId="LiveId" clId="{FB6A878D-5448-4563-8E2D-9CA6A7F8E530}" dt="2021-05-03T11:08:56.738" v="1719" actId="14100"/>
          <ac:spMkLst>
            <pc:docMk/>
            <pc:sldMk cId="3500431397" sldId="1304"/>
            <ac:spMk id="15" creationId="{6BC18CA8-3C7C-437C-B654-388F059DD996}"/>
          </ac:spMkLst>
        </pc:spChg>
        <pc:spChg chg="add mod">
          <ac:chgData name="植野 芳彦" userId="86ab4e6fb1040a80" providerId="LiveId" clId="{FB6A878D-5448-4563-8E2D-9CA6A7F8E530}" dt="2021-05-03T11:08:52.145" v="1718" actId="1076"/>
          <ac:spMkLst>
            <pc:docMk/>
            <pc:sldMk cId="3500431397" sldId="1304"/>
            <ac:spMk id="16" creationId="{4DAD3D6C-26B4-42D7-8B56-991438EAADE4}"/>
          </ac:spMkLst>
        </pc:spChg>
        <pc:spChg chg="add mod">
          <ac:chgData name="植野 芳彦" userId="86ab4e6fb1040a80" providerId="LiveId" clId="{FB6A878D-5448-4563-8E2D-9CA6A7F8E530}" dt="2021-05-03T11:08:49.584" v="1717" actId="1076"/>
          <ac:spMkLst>
            <pc:docMk/>
            <pc:sldMk cId="3500431397" sldId="1304"/>
            <ac:spMk id="17" creationId="{604391D0-DC4C-46F7-88D2-921DF6CE17B8}"/>
          </ac:spMkLst>
        </pc:spChg>
        <pc:spChg chg="add mod">
          <ac:chgData name="植野 芳彦" userId="86ab4e6fb1040a80" providerId="LiveId" clId="{FB6A878D-5448-4563-8E2D-9CA6A7F8E530}" dt="2021-05-03T10:59:45.940" v="1323" actId="20577"/>
          <ac:spMkLst>
            <pc:docMk/>
            <pc:sldMk cId="3500431397" sldId="1304"/>
            <ac:spMk id="18" creationId="{F9BB6E00-C0F5-4DB9-AE36-EBB73719C3C7}"/>
          </ac:spMkLst>
        </pc:spChg>
        <pc:spChg chg="add mod">
          <ac:chgData name="植野 芳彦" userId="86ab4e6fb1040a80" providerId="LiveId" clId="{FB6A878D-5448-4563-8E2D-9CA6A7F8E530}" dt="2021-05-03T11:04:08.250" v="1501" actId="1076"/>
          <ac:spMkLst>
            <pc:docMk/>
            <pc:sldMk cId="3500431397" sldId="1304"/>
            <ac:spMk id="19" creationId="{8FF2411E-451F-4018-A9D6-4295FE976B3C}"/>
          </ac:spMkLst>
        </pc:spChg>
        <pc:spChg chg="add mod">
          <ac:chgData name="植野 芳彦" userId="86ab4e6fb1040a80" providerId="LiveId" clId="{FB6A878D-5448-4563-8E2D-9CA6A7F8E530}" dt="2021-05-03T11:04:13.561" v="1502" actId="1076"/>
          <ac:spMkLst>
            <pc:docMk/>
            <pc:sldMk cId="3500431397" sldId="1304"/>
            <ac:spMk id="20" creationId="{BDDC56BE-F889-4309-A631-22FDE2ED32AE}"/>
          </ac:spMkLst>
        </pc:spChg>
        <pc:spChg chg="add mod">
          <ac:chgData name="植野 芳彦" userId="86ab4e6fb1040a80" providerId="LiveId" clId="{FB6A878D-5448-4563-8E2D-9CA6A7F8E530}" dt="2021-05-03T11:06:58.159" v="1629" actId="20577"/>
          <ac:spMkLst>
            <pc:docMk/>
            <pc:sldMk cId="3500431397" sldId="1304"/>
            <ac:spMk id="21" creationId="{8E78BC0A-CC54-4315-969F-98D1DE0DC807}"/>
          </ac:spMkLst>
        </pc:spChg>
        <pc:spChg chg="add mod">
          <ac:chgData name="植野 芳彦" userId="86ab4e6fb1040a80" providerId="LiveId" clId="{FB6A878D-5448-4563-8E2D-9CA6A7F8E530}" dt="2021-05-03T11:08:31.978" v="1713" actId="14100"/>
          <ac:spMkLst>
            <pc:docMk/>
            <pc:sldMk cId="3500431397" sldId="1304"/>
            <ac:spMk id="22" creationId="{7A41C234-88A7-4C53-AEE1-8B19ABF13CCD}"/>
          </ac:spMkLst>
        </pc:spChg>
        <pc:spChg chg="add mod">
          <ac:chgData name="植野 芳彦" userId="86ab4e6fb1040a80" providerId="LiveId" clId="{FB6A878D-5448-4563-8E2D-9CA6A7F8E530}" dt="2021-05-03T11:10:44.431" v="1829" actId="20577"/>
          <ac:spMkLst>
            <pc:docMk/>
            <pc:sldMk cId="3500431397" sldId="1304"/>
            <ac:spMk id="23" creationId="{ABD75080-B3C1-4D61-9619-B092D41F7DC9}"/>
          </ac:spMkLst>
        </pc:spChg>
      </pc:sldChg>
      <pc:sldChg chg="addSp modSp new mod">
        <pc:chgData name="植野 芳彦" userId="86ab4e6fb1040a80" providerId="LiveId" clId="{FB6A878D-5448-4563-8E2D-9CA6A7F8E530}" dt="2021-05-03T22:45:07.303" v="1936" actId="20577"/>
        <pc:sldMkLst>
          <pc:docMk/>
          <pc:sldMk cId="1941070244" sldId="1305"/>
        </pc:sldMkLst>
        <pc:spChg chg="add mod">
          <ac:chgData name="植野 芳彦" userId="86ab4e6fb1040a80" providerId="LiveId" clId="{FB6A878D-5448-4563-8E2D-9CA6A7F8E530}" dt="2021-05-03T22:45:07.303" v="1936" actId="20577"/>
          <ac:spMkLst>
            <pc:docMk/>
            <pc:sldMk cId="1941070244" sldId="1305"/>
            <ac:spMk id="5" creationId="{8973437F-110E-4FD9-825C-571727AE8DE5}"/>
          </ac:spMkLst>
        </pc:spChg>
        <pc:picChg chg="add mod">
          <ac:chgData name="植野 芳彦" userId="86ab4e6fb1040a80" providerId="LiveId" clId="{FB6A878D-5448-4563-8E2D-9CA6A7F8E530}" dt="2021-05-03T21:04:35.265" v="1872" actId="1076"/>
          <ac:picMkLst>
            <pc:docMk/>
            <pc:sldMk cId="1941070244" sldId="1305"/>
            <ac:picMk id="2" creationId="{2DEB773A-5BD7-4E40-A48A-BE7950F76055}"/>
          </ac:picMkLst>
        </pc:picChg>
        <pc:picChg chg="add mod">
          <ac:chgData name="植野 芳彦" userId="86ab4e6fb1040a80" providerId="LiveId" clId="{FB6A878D-5448-4563-8E2D-9CA6A7F8E530}" dt="2021-05-03T21:05:34.332" v="1879" actId="1076"/>
          <ac:picMkLst>
            <pc:docMk/>
            <pc:sldMk cId="1941070244" sldId="1305"/>
            <ac:picMk id="3" creationId="{D94777E5-13A5-4AB6-A572-5B24523DDCBB}"/>
          </ac:picMkLst>
        </pc:picChg>
        <pc:picChg chg="add mod">
          <ac:chgData name="植野 芳彦" userId="86ab4e6fb1040a80" providerId="LiveId" clId="{FB6A878D-5448-4563-8E2D-9CA6A7F8E530}" dt="2021-05-03T21:05:30.739" v="1878" actId="14100"/>
          <ac:picMkLst>
            <pc:docMk/>
            <pc:sldMk cId="1941070244" sldId="1305"/>
            <ac:picMk id="4" creationId="{0F8A7BDA-88C1-4249-ADC7-98745A273667}"/>
          </ac:picMkLst>
        </pc:picChg>
      </pc:sldChg>
      <pc:sldChg chg="modSp add mod">
        <pc:chgData name="植野 芳彦" userId="86ab4e6fb1040a80" providerId="LiveId" clId="{FB6A878D-5448-4563-8E2D-9CA6A7F8E530}" dt="2021-05-04T10:01:22.774" v="2861" actId="6549"/>
        <pc:sldMkLst>
          <pc:docMk/>
          <pc:sldMk cId="1794682804" sldId="1306"/>
        </pc:sldMkLst>
        <pc:spChg chg="mod">
          <ac:chgData name="植野 芳彦" userId="86ab4e6fb1040a80" providerId="LiveId" clId="{FB6A878D-5448-4563-8E2D-9CA6A7F8E530}" dt="2021-05-04T09:58:05.601" v="2315" actId="20577"/>
          <ac:spMkLst>
            <pc:docMk/>
            <pc:sldMk cId="1794682804" sldId="1306"/>
            <ac:spMk id="2" creationId="{56BF684E-7CE0-4890-9F99-9AF12F387B6B}"/>
          </ac:spMkLst>
        </pc:spChg>
        <pc:spChg chg="mod">
          <ac:chgData name="植野 芳彦" userId="86ab4e6fb1040a80" providerId="LiveId" clId="{FB6A878D-5448-4563-8E2D-9CA6A7F8E530}" dt="2021-05-04T10:01:22.774" v="2861" actId="6549"/>
          <ac:spMkLst>
            <pc:docMk/>
            <pc:sldMk cId="1794682804" sldId="1306"/>
            <ac:spMk id="3" creationId="{5947CF7B-6D11-4F5C-860D-FB2C59F3029A}"/>
          </ac:spMkLst>
        </pc:spChg>
      </pc:sldChg>
      <pc:sldChg chg="modSp add mod">
        <pc:chgData name="植野 芳彦" userId="86ab4e6fb1040a80" providerId="LiveId" clId="{FB6A878D-5448-4563-8E2D-9CA6A7F8E530}" dt="2021-05-05T07:13:02.429" v="4464" actId="6549"/>
        <pc:sldMkLst>
          <pc:docMk/>
          <pc:sldMk cId="2071045971" sldId="1307"/>
        </pc:sldMkLst>
        <pc:spChg chg="mod">
          <ac:chgData name="植野 芳彦" userId="86ab4e6fb1040a80" providerId="LiveId" clId="{FB6A878D-5448-4563-8E2D-9CA6A7F8E530}" dt="2021-05-04T10:02:27.572" v="2928" actId="6549"/>
          <ac:spMkLst>
            <pc:docMk/>
            <pc:sldMk cId="2071045971" sldId="1307"/>
            <ac:spMk id="2" creationId="{56BF684E-7CE0-4890-9F99-9AF12F387B6B}"/>
          </ac:spMkLst>
        </pc:spChg>
        <pc:spChg chg="mod">
          <ac:chgData name="植野 芳彦" userId="86ab4e6fb1040a80" providerId="LiveId" clId="{FB6A878D-5448-4563-8E2D-9CA6A7F8E530}" dt="2021-05-05T07:13:02.429" v="4464" actId="6549"/>
          <ac:spMkLst>
            <pc:docMk/>
            <pc:sldMk cId="2071045971" sldId="1307"/>
            <ac:spMk id="3" creationId="{5947CF7B-6D11-4F5C-860D-FB2C59F3029A}"/>
          </ac:spMkLst>
        </pc:spChg>
      </pc:sldChg>
      <pc:sldChg chg="add">
        <pc:chgData name="植野 芳彦" userId="86ab4e6fb1040a80" providerId="LiveId" clId="{FB6A878D-5448-4563-8E2D-9CA6A7F8E530}" dt="2021-05-04T10:07:38.956" v="3307"/>
        <pc:sldMkLst>
          <pc:docMk/>
          <pc:sldMk cId="2043361911" sldId="1308"/>
        </pc:sldMkLst>
      </pc:sldChg>
      <pc:sldChg chg="modSp add mod">
        <pc:chgData name="植野 芳彦" userId="86ab4e6fb1040a80" providerId="LiveId" clId="{FB6A878D-5448-4563-8E2D-9CA6A7F8E530}" dt="2021-05-04T10:11:16.911" v="3519" actId="6549"/>
        <pc:sldMkLst>
          <pc:docMk/>
          <pc:sldMk cId="3732389403" sldId="1309"/>
        </pc:sldMkLst>
        <pc:spChg chg="mod">
          <ac:chgData name="植野 芳彦" userId="86ab4e6fb1040a80" providerId="LiveId" clId="{FB6A878D-5448-4563-8E2D-9CA6A7F8E530}" dt="2021-05-04T10:10:50.269" v="3496" actId="14100"/>
          <ac:spMkLst>
            <pc:docMk/>
            <pc:sldMk cId="3732389403" sldId="1309"/>
            <ac:spMk id="3" creationId="{43D8850F-EAB0-4BDA-AA80-48B7100AB5D4}"/>
          </ac:spMkLst>
        </pc:spChg>
        <pc:spChg chg="mod">
          <ac:chgData name="植野 芳彦" userId="86ab4e6fb1040a80" providerId="LiveId" clId="{FB6A878D-5448-4563-8E2D-9CA6A7F8E530}" dt="2021-05-04T10:11:16.911" v="3519" actId="6549"/>
          <ac:spMkLst>
            <pc:docMk/>
            <pc:sldMk cId="3732389403" sldId="1309"/>
            <ac:spMk id="4" creationId="{EB330C89-4E96-46A0-A889-D31B7C4E34DF}"/>
          </ac:spMkLst>
        </pc:spChg>
        <pc:spChg chg="mod">
          <ac:chgData name="植野 芳彦" userId="86ab4e6fb1040a80" providerId="LiveId" clId="{FB6A878D-5448-4563-8E2D-9CA6A7F8E530}" dt="2021-05-04T10:10:54.206" v="3497" actId="1076"/>
          <ac:spMkLst>
            <pc:docMk/>
            <pc:sldMk cId="3732389403" sldId="1309"/>
            <ac:spMk id="5" creationId="{07F3D025-2529-4362-BD95-39146220D979}"/>
          </ac:spMkLst>
        </pc:spChg>
      </pc:sldChg>
      <pc:sldChg chg="add">
        <pc:chgData name="植野 芳彦" userId="86ab4e6fb1040a80" providerId="LiveId" clId="{FB6A878D-5448-4563-8E2D-9CA6A7F8E530}" dt="2021-05-04T10:08:51.877" v="3309"/>
        <pc:sldMkLst>
          <pc:docMk/>
          <pc:sldMk cId="0" sldId="1310"/>
        </pc:sldMkLst>
      </pc:sldChg>
      <pc:sldChg chg="addSp modSp new mod">
        <pc:chgData name="植野 芳彦" userId="86ab4e6fb1040a80" providerId="LiveId" clId="{FB6A878D-5448-4563-8E2D-9CA6A7F8E530}" dt="2021-05-05T03:11:00.706" v="4300" actId="20577"/>
        <pc:sldMkLst>
          <pc:docMk/>
          <pc:sldMk cId="1239567492" sldId="1311"/>
        </pc:sldMkLst>
        <pc:spChg chg="add mod">
          <ac:chgData name="植野 芳彦" userId="86ab4e6fb1040a80" providerId="LiveId" clId="{FB6A878D-5448-4563-8E2D-9CA6A7F8E530}" dt="2021-05-05T03:11:00.706" v="4300" actId="20577"/>
          <ac:spMkLst>
            <pc:docMk/>
            <pc:sldMk cId="1239567492" sldId="1311"/>
            <ac:spMk id="2" creationId="{583F5567-FD00-4836-879D-3B47F3F0F180}"/>
          </ac:spMkLst>
        </pc:spChg>
      </pc:sldChg>
      <pc:sldChg chg="addSp delSp modSp new del mod">
        <pc:chgData name="植野 芳彦" userId="86ab4e6fb1040a80" providerId="LiveId" clId="{FB6A878D-5448-4563-8E2D-9CA6A7F8E530}" dt="2021-05-04T21:12:01.859" v="3724" actId="2696"/>
        <pc:sldMkLst>
          <pc:docMk/>
          <pc:sldMk cId="3274110285" sldId="1311"/>
        </pc:sldMkLst>
        <pc:spChg chg="mod">
          <ac:chgData name="植野 芳彦" userId="86ab4e6fb1040a80" providerId="LiveId" clId="{FB6A878D-5448-4563-8E2D-9CA6A7F8E530}" dt="2021-05-04T18:52:19.166" v="3566" actId="1076"/>
          <ac:spMkLst>
            <pc:docMk/>
            <pc:sldMk cId="3274110285" sldId="1311"/>
            <ac:spMk id="2" creationId="{6158FE1B-FCFD-4FEF-8393-4BB3CD0C993A}"/>
          </ac:spMkLst>
        </pc:spChg>
        <pc:spChg chg="del">
          <ac:chgData name="植野 芳彦" userId="86ab4e6fb1040a80" providerId="LiveId" clId="{FB6A878D-5448-4563-8E2D-9CA6A7F8E530}" dt="2021-05-04T18:51:51.103" v="3521" actId="21"/>
          <ac:spMkLst>
            <pc:docMk/>
            <pc:sldMk cId="3274110285" sldId="1311"/>
            <ac:spMk id="3" creationId="{B40B8FCC-5D0C-4CD4-BC21-7F2B9C64332E}"/>
          </ac:spMkLst>
        </pc:spChg>
        <pc:spChg chg="add mod">
          <ac:chgData name="植野 芳彦" userId="86ab4e6fb1040a80" providerId="LiveId" clId="{FB6A878D-5448-4563-8E2D-9CA6A7F8E530}" dt="2021-05-04T21:11:28.726" v="3719" actId="20577"/>
          <ac:spMkLst>
            <pc:docMk/>
            <pc:sldMk cId="3274110285" sldId="1311"/>
            <ac:spMk id="4" creationId="{8034EEB9-8B9C-415D-A1A2-73A62E4D9B7A}"/>
          </ac:spMkLst>
        </pc:spChg>
      </pc:sldChg>
      <pc:sldChg chg="modSp add mod">
        <pc:chgData name="植野 芳彦" userId="86ab4e6fb1040a80" providerId="LiveId" clId="{FB6A878D-5448-4563-8E2D-9CA6A7F8E530}" dt="2021-05-05T07:15:43.187" v="4579" actId="255"/>
        <pc:sldMkLst>
          <pc:docMk/>
          <pc:sldMk cId="845778379" sldId="1312"/>
        </pc:sldMkLst>
        <pc:spChg chg="mod">
          <ac:chgData name="植野 芳彦" userId="86ab4e6fb1040a80" providerId="LiveId" clId="{FB6A878D-5448-4563-8E2D-9CA6A7F8E530}" dt="2021-05-05T07:15:29.737" v="4578" actId="20577"/>
          <ac:spMkLst>
            <pc:docMk/>
            <pc:sldMk cId="845778379" sldId="1312"/>
            <ac:spMk id="2" creationId="{C91254AB-BE3F-4EF6-90AF-A588CCE200B3}"/>
          </ac:spMkLst>
        </pc:spChg>
        <pc:spChg chg="mod">
          <ac:chgData name="植野 芳彦" userId="86ab4e6fb1040a80" providerId="LiveId" clId="{FB6A878D-5448-4563-8E2D-9CA6A7F8E530}" dt="2021-05-05T07:15:43.187" v="4579" actId="255"/>
          <ac:spMkLst>
            <pc:docMk/>
            <pc:sldMk cId="845778379" sldId="1312"/>
            <ac:spMk id="75779" creationId="{FE1AD9DA-1D9D-4DFC-B585-E1E09A545C25}"/>
          </ac:spMkLst>
        </pc:spChg>
      </pc:sldChg>
    </pc:docChg>
  </pc:docChgLst>
</pc:chgInfo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Book1" TargetMode="Externa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chartUserShapes" Target="../drawings/drawing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2.xml"/><Relationship Id="rId2" Type="http://schemas.openxmlformats.org/officeDocument/2006/relationships/oleObject" Target="file:///E:\&#19979;&#26032;&#27211;\&#19979;&#26032;&#27211;&#12487;&#12540;&#12479;.xlsx" TargetMode="External"/><Relationship Id="rId1" Type="http://schemas.openxmlformats.org/officeDocument/2006/relationships/themeOverride" Target="../theme/themeOverrid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862" b="0" i="0" u="none" strike="noStrike" kern="1200" cap="none" spc="20" baseline="0">
                <a:solidFill>
                  <a:schemeClr val="tx1">
                    <a:lumMod val="50000"/>
                    <a:lumOff val="50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/>
              <a:t>富山市令和</a:t>
            </a:r>
            <a:r>
              <a:rPr lang="en-US"/>
              <a:t>2</a:t>
            </a:r>
            <a:r>
              <a:rPr lang="ja-JP"/>
              <a:t>年度　財政　（</a:t>
            </a:r>
            <a:r>
              <a:rPr lang="zh-TW"/>
              <a:t>金額（億円）</a:t>
            </a:r>
            <a:r>
              <a:rPr lang="ja-JP"/>
              <a:t>）</a:t>
            </a:r>
            <a:endParaRPr lang="zh-TW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62" b="0" i="0" u="none" strike="noStrike" kern="1200" cap="none" spc="20" baseline="0">
              <a:solidFill>
                <a:schemeClr val="tx1">
                  <a:lumMod val="50000"/>
                  <a:lumOff val="50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10533385179424509"/>
          <c:y val="9.5287109944590248E-2"/>
          <c:w val="0.61876691478724588"/>
          <c:h val="0.81212029746281711"/>
        </c:manualLayout>
      </c:layout>
      <c:pieChart>
        <c:varyColors val="1"/>
        <c:ser>
          <c:idx val="0"/>
          <c:order val="0"/>
          <c:tx>
            <c:strRef>
              <c:f>Sheet1!$C$3</c:f>
              <c:strCache>
                <c:ptCount val="1"/>
                <c:pt idx="0">
                  <c:v>金額（億円）</c:v>
                </c:pt>
              </c:strCache>
            </c:strRef>
          </c:tx>
          <c:explosion val="7"/>
          <c:dPt>
            <c:idx val="0"/>
            <c:bubble3D val="0"/>
            <c:spPr>
              <a:gradFill rotWithShape="1">
                <a:gsLst>
                  <a:gs pos="0">
                    <a:schemeClr val="accent1">
                      <a:tint val="50000"/>
                      <a:satMod val="300000"/>
                    </a:schemeClr>
                  </a:gs>
                  <a:gs pos="35000">
                    <a:schemeClr val="accent1">
                      <a:tint val="37000"/>
                      <a:satMod val="300000"/>
                    </a:schemeClr>
                  </a:gs>
                  <a:gs pos="100000">
                    <a:schemeClr val="accent1">
                      <a:tint val="15000"/>
                      <a:satMod val="350000"/>
                    </a:schemeClr>
                  </a:gs>
                </a:gsLst>
                <a:lin ang="16200000" scaled="1"/>
              </a:gradFill>
              <a:ln w="9525" cap="flat" cmpd="sng" algn="ctr">
                <a:solidFill>
                  <a:schemeClr val="accent1">
                    <a:shade val="95000"/>
                  </a:schemeClr>
                </a:solidFill>
                <a:round/>
              </a:ln>
              <a:effectLst>
                <a:outerShdw blurRad="40000" dist="20000" dir="5400000" rotWithShape="0">
                  <a:srgbClr val="000000">
                    <a:alpha val="38000"/>
                  </a:srgb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1-A63D-47EE-9BC2-58C466878798}"/>
              </c:ext>
            </c:extLst>
          </c:dPt>
          <c:dPt>
            <c:idx val="1"/>
            <c:bubble3D val="0"/>
            <c:spPr>
              <a:gradFill rotWithShape="1">
                <a:gsLst>
                  <a:gs pos="0">
                    <a:schemeClr val="accent2">
                      <a:tint val="50000"/>
                      <a:satMod val="300000"/>
                    </a:schemeClr>
                  </a:gs>
                  <a:gs pos="35000">
                    <a:schemeClr val="accent2">
                      <a:tint val="37000"/>
                      <a:satMod val="300000"/>
                    </a:schemeClr>
                  </a:gs>
                  <a:gs pos="100000">
                    <a:schemeClr val="accent2">
                      <a:tint val="15000"/>
                      <a:satMod val="350000"/>
                    </a:schemeClr>
                  </a:gs>
                </a:gsLst>
                <a:lin ang="16200000" scaled="1"/>
              </a:gradFill>
              <a:ln w="9525" cap="flat" cmpd="sng" algn="ctr">
                <a:solidFill>
                  <a:schemeClr val="accent2">
                    <a:shade val="95000"/>
                  </a:schemeClr>
                </a:solidFill>
                <a:round/>
              </a:ln>
              <a:effectLst>
                <a:outerShdw blurRad="40000" dist="20000" dir="5400000" rotWithShape="0">
                  <a:srgbClr val="000000">
                    <a:alpha val="38000"/>
                  </a:srgb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3-A63D-47EE-9BC2-58C466878798}"/>
              </c:ext>
            </c:extLst>
          </c:dPt>
          <c:dPt>
            <c:idx val="2"/>
            <c:bubble3D val="0"/>
            <c:spPr>
              <a:gradFill rotWithShape="1">
                <a:gsLst>
                  <a:gs pos="0">
                    <a:schemeClr val="accent3">
                      <a:tint val="50000"/>
                      <a:satMod val="300000"/>
                    </a:schemeClr>
                  </a:gs>
                  <a:gs pos="35000">
                    <a:schemeClr val="accent3">
                      <a:tint val="37000"/>
                      <a:satMod val="300000"/>
                    </a:schemeClr>
                  </a:gs>
                  <a:gs pos="100000">
                    <a:schemeClr val="accent3">
                      <a:tint val="15000"/>
                      <a:satMod val="350000"/>
                    </a:schemeClr>
                  </a:gs>
                </a:gsLst>
                <a:lin ang="16200000" scaled="1"/>
              </a:gradFill>
              <a:ln w="9525" cap="flat" cmpd="sng" algn="ctr">
                <a:solidFill>
                  <a:schemeClr val="accent3">
                    <a:shade val="95000"/>
                  </a:schemeClr>
                </a:solidFill>
                <a:round/>
              </a:ln>
              <a:effectLst>
                <a:outerShdw blurRad="40000" dist="20000" dir="5400000" rotWithShape="0">
                  <a:srgbClr val="000000">
                    <a:alpha val="38000"/>
                  </a:srgb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5-A63D-47EE-9BC2-58C466878798}"/>
              </c:ext>
            </c:extLst>
          </c:dPt>
          <c:dPt>
            <c:idx val="3"/>
            <c:bubble3D val="0"/>
            <c:spPr>
              <a:gradFill rotWithShape="1">
                <a:gsLst>
                  <a:gs pos="0">
                    <a:schemeClr val="accent4">
                      <a:tint val="50000"/>
                      <a:satMod val="300000"/>
                    </a:schemeClr>
                  </a:gs>
                  <a:gs pos="35000">
                    <a:schemeClr val="accent4">
                      <a:tint val="37000"/>
                      <a:satMod val="300000"/>
                    </a:schemeClr>
                  </a:gs>
                  <a:gs pos="100000">
                    <a:schemeClr val="accent4">
                      <a:tint val="15000"/>
                      <a:satMod val="350000"/>
                    </a:schemeClr>
                  </a:gs>
                </a:gsLst>
                <a:lin ang="16200000" scaled="1"/>
              </a:gradFill>
              <a:ln w="9525" cap="flat" cmpd="sng" algn="ctr">
                <a:solidFill>
                  <a:schemeClr val="accent4">
                    <a:shade val="95000"/>
                  </a:schemeClr>
                </a:solidFill>
                <a:round/>
              </a:ln>
              <a:effectLst>
                <a:outerShdw blurRad="40000" dist="20000" dir="5400000" rotWithShape="0">
                  <a:srgbClr val="000000">
                    <a:alpha val="38000"/>
                  </a:srgb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7-A63D-47EE-9BC2-58C466878798}"/>
              </c:ext>
            </c:extLst>
          </c:dPt>
          <c:dPt>
            <c:idx val="4"/>
            <c:bubble3D val="0"/>
            <c:spPr>
              <a:gradFill rotWithShape="1">
                <a:gsLst>
                  <a:gs pos="0">
                    <a:schemeClr val="accent5">
                      <a:tint val="50000"/>
                      <a:satMod val="300000"/>
                    </a:schemeClr>
                  </a:gs>
                  <a:gs pos="35000">
                    <a:schemeClr val="accent5">
                      <a:tint val="37000"/>
                      <a:satMod val="300000"/>
                    </a:schemeClr>
                  </a:gs>
                  <a:gs pos="100000">
                    <a:schemeClr val="accent5">
                      <a:tint val="15000"/>
                      <a:satMod val="350000"/>
                    </a:schemeClr>
                  </a:gs>
                </a:gsLst>
                <a:lin ang="16200000" scaled="1"/>
              </a:gradFill>
              <a:ln w="9525" cap="flat" cmpd="sng" algn="ctr">
                <a:solidFill>
                  <a:schemeClr val="accent5">
                    <a:shade val="95000"/>
                  </a:schemeClr>
                </a:solidFill>
                <a:round/>
              </a:ln>
              <a:effectLst>
                <a:outerShdw blurRad="40000" dist="20000" dir="5400000" rotWithShape="0">
                  <a:srgbClr val="000000">
                    <a:alpha val="38000"/>
                  </a:srgb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9-A63D-47EE-9BC2-58C466878798}"/>
              </c:ext>
            </c:extLst>
          </c:dPt>
          <c:dPt>
            <c:idx val="5"/>
            <c:bubble3D val="0"/>
            <c:spPr>
              <a:gradFill rotWithShape="1">
                <a:gsLst>
                  <a:gs pos="0">
                    <a:schemeClr val="accent6">
                      <a:tint val="50000"/>
                      <a:satMod val="300000"/>
                    </a:schemeClr>
                  </a:gs>
                  <a:gs pos="35000">
                    <a:schemeClr val="accent6">
                      <a:tint val="37000"/>
                      <a:satMod val="300000"/>
                    </a:schemeClr>
                  </a:gs>
                  <a:gs pos="100000">
                    <a:schemeClr val="accent6">
                      <a:tint val="15000"/>
                      <a:satMod val="350000"/>
                    </a:schemeClr>
                  </a:gs>
                </a:gsLst>
                <a:lin ang="16200000" scaled="1"/>
              </a:gradFill>
              <a:ln w="9525" cap="flat" cmpd="sng" algn="ctr">
                <a:solidFill>
                  <a:schemeClr val="accent6">
                    <a:shade val="95000"/>
                  </a:schemeClr>
                </a:solidFill>
                <a:round/>
              </a:ln>
              <a:effectLst>
                <a:outerShdw blurRad="40000" dist="20000" dir="5400000" rotWithShape="0">
                  <a:srgbClr val="000000">
                    <a:alpha val="38000"/>
                  </a:srgb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B-A63D-47EE-9BC2-58C466878798}"/>
              </c:ext>
            </c:extLst>
          </c:dPt>
          <c:dPt>
            <c:idx val="6"/>
            <c:bubble3D val="0"/>
            <c:spPr>
              <a:gradFill rotWithShape="1">
                <a:gsLst>
                  <a:gs pos="0">
                    <a:schemeClr val="accent1">
                      <a:lumMod val="60000"/>
                      <a:tint val="50000"/>
                      <a:satMod val="300000"/>
                    </a:schemeClr>
                  </a:gs>
                  <a:gs pos="35000">
                    <a:schemeClr val="accent1">
                      <a:lumMod val="60000"/>
                      <a:tint val="37000"/>
                      <a:satMod val="300000"/>
                    </a:schemeClr>
                  </a:gs>
                  <a:gs pos="100000">
                    <a:schemeClr val="accent1">
                      <a:lumMod val="60000"/>
                      <a:tint val="15000"/>
                      <a:satMod val="350000"/>
                    </a:schemeClr>
                  </a:gs>
                </a:gsLst>
                <a:lin ang="16200000" scaled="1"/>
              </a:gradFill>
              <a:ln w="9525" cap="flat" cmpd="sng" algn="ctr">
                <a:solidFill>
                  <a:schemeClr val="accent1">
                    <a:lumMod val="60000"/>
                    <a:shade val="95000"/>
                  </a:schemeClr>
                </a:solidFill>
                <a:round/>
              </a:ln>
              <a:effectLst>
                <a:outerShdw blurRad="40000" dist="20000" dir="5400000" rotWithShape="0">
                  <a:srgbClr val="000000">
                    <a:alpha val="38000"/>
                  </a:srgb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D-A63D-47EE-9BC2-58C466878798}"/>
              </c:ext>
            </c:extLst>
          </c:dPt>
          <c:dPt>
            <c:idx val="7"/>
            <c:bubble3D val="0"/>
            <c:spPr>
              <a:gradFill rotWithShape="1">
                <a:gsLst>
                  <a:gs pos="0">
                    <a:schemeClr val="accent2">
                      <a:lumMod val="60000"/>
                      <a:tint val="50000"/>
                      <a:satMod val="300000"/>
                    </a:schemeClr>
                  </a:gs>
                  <a:gs pos="35000">
                    <a:schemeClr val="accent2">
                      <a:lumMod val="60000"/>
                      <a:tint val="37000"/>
                      <a:satMod val="300000"/>
                    </a:schemeClr>
                  </a:gs>
                  <a:gs pos="100000">
                    <a:schemeClr val="accent2">
                      <a:lumMod val="60000"/>
                      <a:tint val="15000"/>
                      <a:satMod val="350000"/>
                    </a:schemeClr>
                  </a:gs>
                </a:gsLst>
                <a:lin ang="16200000" scaled="1"/>
              </a:gradFill>
              <a:ln w="9525" cap="flat" cmpd="sng" algn="ctr">
                <a:solidFill>
                  <a:schemeClr val="accent2">
                    <a:lumMod val="60000"/>
                    <a:shade val="95000"/>
                  </a:schemeClr>
                </a:solidFill>
                <a:round/>
              </a:ln>
              <a:effectLst>
                <a:outerShdw blurRad="40000" dist="20000" dir="5400000" rotWithShape="0">
                  <a:srgbClr val="000000">
                    <a:alpha val="38000"/>
                  </a:srgb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F-A63D-47EE-9BC2-58C466878798}"/>
              </c:ext>
            </c:extLst>
          </c:dPt>
          <c:dPt>
            <c:idx val="8"/>
            <c:bubble3D val="0"/>
            <c:spPr>
              <a:gradFill rotWithShape="1">
                <a:gsLst>
                  <a:gs pos="0">
                    <a:schemeClr val="accent3">
                      <a:lumMod val="60000"/>
                      <a:tint val="50000"/>
                      <a:satMod val="300000"/>
                    </a:schemeClr>
                  </a:gs>
                  <a:gs pos="35000">
                    <a:schemeClr val="accent3">
                      <a:lumMod val="60000"/>
                      <a:tint val="37000"/>
                      <a:satMod val="300000"/>
                    </a:schemeClr>
                  </a:gs>
                  <a:gs pos="100000">
                    <a:schemeClr val="accent3">
                      <a:lumMod val="60000"/>
                      <a:tint val="15000"/>
                      <a:satMod val="350000"/>
                    </a:schemeClr>
                  </a:gs>
                </a:gsLst>
                <a:lin ang="16200000" scaled="1"/>
              </a:gradFill>
              <a:ln w="9525" cap="flat" cmpd="sng" algn="ctr">
                <a:solidFill>
                  <a:schemeClr val="accent3">
                    <a:lumMod val="60000"/>
                    <a:shade val="95000"/>
                  </a:schemeClr>
                </a:solidFill>
                <a:round/>
              </a:ln>
              <a:effectLst>
                <a:outerShdw blurRad="40000" dist="20000" dir="5400000" rotWithShape="0">
                  <a:srgbClr val="000000">
                    <a:alpha val="38000"/>
                  </a:srgb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11-A63D-47EE-9BC2-58C466878798}"/>
              </c:ext>
            </c:extLst>
          </c:dPt>
          <c:dPt>
            <c:idx val="9"/>
            <c:bubble3D val="0"/>
            <c:spPr>
              <a:gradFill rotWithShape="1">
                <a:gsLst>
                  <a:gs pos="0">
                    <a:schemeClr val="accent4">
                      <a:lumMod val="60000"/>
                      <a:tint val="50000"/>
                      <a:satMod val="300000"/>
                    </a:schemeClr>
                  </a:gs>
                  <a:gs pos="35000">
                    <a:schemeClr val="accent4">
                      <a:lumMod val="60000"/>
                      <a:tint val="37000"/>
                      <a:satMod val="300000"/>
                    </a:schemeClr>
                  </a:gs>
                  <a:gs pos="100000">
                    <a:schemeClr val="accent4">
                      <a:lumMod val="60000"/>
                      <a:tint val="15000"/>
                      <a:satMod val="350000"/>
                    </a:schemeClr>
                  </a:gs>
                </a:gsLst>
                <a:lin ang="16200000" scaled="1"/>
              </a:gradFill>
              <a:ln w="9525" cap="flat" cmpd="sng" algn="ctr">
                <a:solidFill>
                  <a:schemeClr val="accent4">
                    <a:lumMod val="60000"/>
                    <a:shade val="95000"/>
                  </a:schemeClr>
                </a:solidFill>
                <a:round/>
              </a:ln>
              <a:effectLst>
                <a:outerShdw blurRad="40000" dist="20000" dir="5400000" rotWithShape="0">
                  <a:srgbClr val="000000">
                    <a:alpha val="38000"/>
                  </a:srgb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13-A63D-47EE-9BC2-58C466878798}"/>
              </c:ext>
            </c:extLst>
          </c:dPt>
          <c:dPt>
            <c:idx val="10"/>
            <c:bubble3D val="0"/>
            <c:spPr>
              <a:gradFill rotWithShape="1">
                <a:gsLst>
                  <a:gs pos="0">
                    <a:schemeClr val="accent5">
                      <a:lumMod val="60000"/>
                      <a:tint val="50000"/>
                      <a:satMod val="300000"/>
                    </a:schemeClr>
                  </a:gs>
                  <a:gs pos="35000">
                    <a:schemeClr val="accent5">
                      <a:lumMod val="60000"/>
                      <a:tint val="37000"/>
                      <a:satMod val="300000"/>
                    </a:schemeClr>
                  </a:gs>
                  <a:gs pos="100000">
                    <a:schemeClr val="accent5">
                      <a:lumMod val="60000"/>
                      <a:tint val="15000"/>
                      <a:satMod val="350000"/>
                    </a:schemeClr>
                  </a:gs>
                </a:gsLst>
                <a:lin ang="16200000" scaled="1"/>
              </a:gradFill>
              <a:ln w="9525" cap="flat" cmpd="sng" algn="ctr">
                <a:solidFill>
                  <a:schemeClr val="accent5">
                    <a:lumMod val="60000"/>
                    <a:shade val="95000"/>
                  </a:schemeClr>
                </a:solidFill>
                <a:round/>
              </a:ln>
              <a:effectLst>
                <a:outerShdw blurRad="40000" dist="20000" dir="5400000" rotWithShape="0">
                  <a:srgbClr val="000000">
                    <a:alpha val="38000"/>
                  </a:srgb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15-A63D-47EE-9BC2-58C466878798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2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ctr"/>
            <c:showLegendKey val="0"/>
            <c:showVal val="0"/>
            <c:showCatName val="0"/>
            <c:showSerName val="0"/>
            <c:showPercent val="1"/>
            <c:showBubbleSize val="0"/>
            <c:showLeaderLines val="1"/>
            <c:leaderLines>
              <c:spPr>
                <a:ln w="9525">
                  <a:solidFill>
                    <a:schemeClr val="tx1">
                      <a:lumMod val="35000"/>
                      <a:lumOff val="65000"/>
                    </a:schemeClr>
                  </a:solidFill>
                </a:ln>
                <a:effectLst/>
              </c:spPr>
            </c:leaderLines>
            <c:extLst>
              <c:ext xmlns:c15="http://schemas.microsoft.com/office/drawing/2012/chart" uri="{CE6537A1-D6FC-4f65-9D91-7224C49458BB}"/>
            </c:extLst>
          </c:dLbls>
          <c:cat>
            <c:strRef>
              <c:f>Sheet1!$B$4:$B$14</c:f>
              <c:strCache>
                <c:ptCount val="7"/>
                <c:pt idx="0">
                  <c:v>民生費</c:v>
                </c:pt>
                <c:pt idx="1">
                  <c:v>土木費</c:v>
                </c:pt>
                <c:pt idx="2">
                  <c:v>公債費</c:v>
                </c:pt>
                <c:pt idx="3">
                  <c:v>総務費</c:v>
                </c:pt>
                <c:pt idx="4">
                  <c:v>教育費</c:v>
                </c:pt>
                <c:pt idx="5">
                  <c:v>衛生費</c:v>
                </c:pt>
                <c:pt idx="6">
                  <c:v>その他</c:v>
                </c:pt>
              </c:strCache>
            </c:strRef>
          </c:cat>
          <c:val>
            <c:numRef>
              <c:f>Sheet1!$C$4:$C$14</c:f>
              <c:numCache>
                <c:formatCode>General</c:formatCode>
                <c:ptCount val="11"/>
                <c:pt idx="0">
                  <c:v>591</c:v>
                </c:pt>
                <c:pt idx="1">
                  <c:v>256</c:v>
                </c:pt>
                <c:pt idx="2">
                  <c:v>220</c:v>
                </c:pt>
                <c:pt idx="3">
                  <c:v>178</c:v>
                </c:pt>
                <c:pt idx="4">
                  <c:v>167</c:v>
                </c:pt>
                <c:pt idx="5">
                  <c:v>91</c:v>
                </c:pt>
                <c:pt idx="6">
                  <c:v>10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16-A63D-47EE-9BC2-58C466878798}"/>
            </c:ext>
          </c:extLst>
        </c:ser>
        <c:dLbls>
          <c:dLblPos val="ctr"/>
          <c:showLegendKey val="0"/>
          <c:showVal val="0"/>
          <c:showCatName val="0"/>
          <c:showSerName val="0"/>
          <c:showPercent val="1"/>
          <c:showBubbleSize val="0"/>
          <c:showLeaderLines val="1"/>
        </c:dLbls>
        <c:firstSliceAng val="3"/>
      </c:pieChart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0" i="0" u="none" strike="noStrike" kern="1200" baseline="0">
              <a:solidFill>
                <a:schemeClr val="tx1">
                  <a:lumMod val="50000"/>
                  <a:lumOff val="50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/>
      </a:pPr>
      <a:endParaRPr lang="ja-JP"/>
    </a:p>
  </c:txPr>
  <c:externalData r:id="rId3">
    <c:autoUpdate val="0"/>
  </c:externalData>
  <c:userShapes r:id="rId4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3.8949398085015907E-2"/>
          <c:y val="5.7283954767126895E-2"/>
          <c:w val="0.70065030279036344"/>
          <c:h val="0.87138323291232134"/>
        </c:manualLayout>
      </c:layout>
      <c:scatterChart>
        <c:scatterStyle val="lineMarker"/>
        <c:varyColors val="0"/>
        <c:ser>
          <c:idx val="0"/>
          <c:order val="0"/>
          <c:tx>
            <c:strRef>
              <c:f>グラフ!$H$2</c:f>
              <c:strCache>
                <c:ptCount val="1"/>
                <c:pt idx="0">
                  <c:v>温度℃</c:v>
                </c:pt>
              </c:strCache>
            </c:strRef>
          </c:tx>
          <c:marker>
            <c:symbol val="none"/>
          </c:marker>
          <c:xVal>
            <c:numRef>
              <c:f>グラフ!$G$6:$G$1136</c:f>
              <c:numCache>
                <c:formatCode>yyyy/m/d\ h:mm;@</c:formatCode>
                <c:ptCount val="1131"/>
                <c:pt idx="0">
                  <c:v>43238.33011574074</c:v>
                </c:pt>
                <c:pt idx="1">
                  <c:v>43238.288518518515</c:v>
                </c:pt>
                <c:pt idx="2">
                  <c:v>43238.246886574074</c:v>
                </c:pt>
                <c:pt idx="3">
                  <c:v>43238.205370370371</c:v>
                </c:pt>
                <c:pt idx="4">
                  <c:v>43238.163819444446</c:v>
                </c:pt>
                <c:pt idx="5">
                  <c:v>43238.122233796297</c:v>
                </c:pt>
                <c:pt idx="6">
                  <c:v>43238.080578703702</c:v>
                </c:pt>
                <c:pt idx="7">
                  <c:v>43238.038993055554</c:v>
                </c:pt>
                <c:pt idx="8">
                  <c:v>43237.997349537036</c:v>
                </c:pt>
                <c:pt idx="9">
                  <c:v>43237.955775462964</c:v>
                </c:pt>
                <c:pt idx="10">
                  <c:v>43237.914155092592</c:v>
                </c:pt>
                <c:pt idx="11">
                  <c:v>43237.872557870367</c:v>
                </c:pt>
                <c:pt idx="12">
                  <c:v>43237.830960648149</c:v>
                </c:pt>
                <c:pt idx="13">
                  <c:v>43237.789340277777</c:v>
                </c:pt>
                <c:pt idx="14">
                  <c:v>43237.747696759259</c:v>
                </c:pt>
                <c:pt idx="15">
                  <c:v>43237.706064814818</c:v>
                </c:pt>
                <c:pt idx="16">
                  <c:v>43237.664490740739</c:v>
                </c:pt>
                <c:pt idx="17">
                  <c:v>43237.622928240744</c:v>
                </c:pt>
                <c:pt idx="18">
                  <c:v>43237.581296296295</c:v>
                </c:pt>
                <c:pt idx="19">
                  <c:v>43237.539699074077</c:v>
                </c:pt>
                <c:pt idx="20">
                  <c:v>43237.456469907411</c:v>
                </c:pt>
                <c:pt idx="21">
                  <c:v>43237.414930555555</c:v>
                </c:pt>
                <c:pt idx="22">
                  <c:v>43237.37332175926</c:v>
                </c:pt>
                <c:pt idx="23">
                  <c:v>43237.331712962965</c:v>
                </c:pt>
                <c:pt idx="24">
                  <c:v>43237.290127314816</c:v>
                </c:pt>
                <c:pt idx="25">
                  <c:v>43237.24858796296</c:v>
                </c:pt>
                <c:pt idx="26">
                  <c:v>43237.206956018519</c:v>
                </c:pt>
                <c:pt idx="27">
                  <c:v>43237.165405092594</c:v>
                </c:pt>
                <c:pt idx="28">
                  <c:v>43237.123807870368</c:v>
                </c:pt>
                <c:pt idx="29">
                  <c:v>43237.08221064815</c:v>
                </c:pt>
                <c:pt idx="30">
                  <c:v>43237.040636574071</c:v>
                </c:pt>
                <c:pt idx="31">
                  <c:v>43236.99900462963</c:v>
                </c:pt>
                <c:pt idx="32">
                  <c:v>43236.957395833335</c:v>
                </c:pt>
                <c:pt idx="33">
                  <c:v>43236.915844907409</c:v>
                </c:pt>
                <c:pt idx="34">
                  <c:v>43236.874212962961</c:v>
                </c:pt>
                <c:pt idx="35">
                  <c:v>43236.832731481481</c:v>
                </c:pt>
                <c:pt idx="36">
                  <c:v>43236.791168981479</c:v>
                </c:pt>
                <c:pt idx="37">
                  <c:v>43236.74962962963</c:v>
                </c:pt>
                <c:pt idx="38">
                  <c:v>43236.708009259259</c:v>
                </c:pt>
                <c:pt idx="39">
                  <c:v>43236.666435185187</c:v>
                </c:pt>
                <c:pt idx="40">
                  <c:v>43236.6249537037</c:v>
                </c:pt>
                <c:pt idx="41">
                  <c:v>43236.583368055559</c:v>
                </c:pt>
                <c:pt idx="42">
                  <c:v>43236.541828703703</c:v>
                </c:pt>
                <c:pt idx="43">
                  <c:v>43236.500277777777</c:v>
                </c:pt>
                <c:pt idx="44">
                  <c:v>43236.458622685182</c:v>
                </c:pt>
                <c:pt idx="45">
                  <c:v>43236.417013888888</c:v>
                </c:pt>
                <c:pt idx="46">
                  <c:v>43236.375393518516</c:v>
                </c:pt>
                <c:pt idx="47">
                  <c:v>43236.333854166667</c:v>
                </c:pt>
                <c:pt idx="48">
                  <c:v>43236.292245370372</c:v>
                </c:pt>
                <c:pt idx="49">
                  <c:v>43236.250671296293</c:v>
                </c:pt>
                <c:pt idx="50">
                  <c:v>43236.209074074075</c:v>
                </c:pt>
                <c:pt idx="51">
                  <c:v>43236.167430555557</c:v>
                </c:pt>
                <c:pt idx="52">
                  <c:v>43236.125833333332</c:v>
                </c:pt>
                <c:pt idx="53">
                  <c:v>43236.08425925926</c:v>
                </c:pt>
                <c:pt idx="54">
                  <c:v>43236.042615740742</c:v>
                </c:pt>
                <c:pt idx="55">
                  <c:v>43236.00105324074</c:v>
                </c:pt>
                <c:pt idx="56">
                  <c:v>43235.959490740737</c:v>
                </c:pt>
                <c:pt idx="57">
                  <c:v>43235.917986111112</c:v>
                </c:pt>
                <c:pt idx="58">
                  <c:v>43235.876388888886</c:v>
                </c:pt>
                <c:pt idx="59">
                  <c:v>43235.834803240738</c:v>
                </c:pt>
                <c:pt idx="60">
                  <c:v>43235.793229166666</c:v>
                </c:pt>
                <c:pt idx="61">
                  <c:v>43235.751631944448</c:v>
                </c:pt>
                <c:pt idx="62">
                  <c:v>43235.710011574076</c:v>
                </c:pt>
                <c:pt idx="63">
                  <c:v>43235.668402777781</c:v>
                </c:pt>
                <c:pt idx="64">
                  <c:v>43235.626759259256</c:v>
                </c:pt>
                <c:pt idx="65">
                  <c:v>43235.585173611114</c:v>
                </c:pt>
                <c:pt idx="66">
                  <c:v>43235.543506944443</c:v>
                </c:pt>
                <c:pt idx="67">
                  <c:v>43235.501886574071</c:v>
                </c:pt>
                <c:pt idx="68">
                  <c:v>43235.460347222222</c:v>
                </c:pt>
                <c:pt idx="69">
                  <c:v>43235.418773148151</c:v>
                </c:pt>
                <c:pt idx="70">
                  <c:v>43235.377141203702</c:v>
                </c:pt>
                <c:pt idx="71">
                  <c:v>43235.335497685184</c:v>
                </c:pt>
                <c:pt idx="72">
                  <c:v>43235.293877314813</c:v>
                </c:pt>
                <c:pt idx="73">
                  <c:v>43235.252256944441</c:v>
                </c:pt>
                <c:pt idx="74">
                  <c:v>43235.210636574076</c:v>
                </c:pt>
                <c:pt idx="75">
                  <c:v>43235.168993055559</c:v>
                </c:pt>
                <c:pt idx="76">
                  <c:v>43235.12736111111</c:v>
                </c:pt>
                <c:pt idx="77">
                  <c:v>43235.085729166669</c:v>
                </c:pt>
                <c:pt idx="78">
                  <c:v>43235.04414351852</c:v>
                </c:pt>
                <c:pt idx="79">
                  <c:v>43235.002511574072</c:v>
                </c:pt>
                <c:pt idx="80">
                  <c:v>43234.9608912037</c:v>
                </c:pt>
                <c:pt idx="81">
                  <c:v>43234.919259259259</c:v>
                </c:pt>
                <c:pt idx="82">
                  <c:v>43234.877638888887</c:v>
                </c:pt>
                <c:pt idx="83">
                  <c:v>43234.836006944446</c:v>
                </c:pt>
                <c:pt idx="84">
                  <c:v>43234.794363425928</c:v>
                </c:pt>
                <c:pt idx="85">
                  <c:v>43234.752812500003</c:v>
                </c:pt>
                <c:pt idx="86">
                  <c:v>43234.711192129631</c:v>
                </c:pt>
                <c:pt idx="87">
                  <c:v>43234.669641203705</c:v>
                </c:pt>
                <c:pt idx="88">
                  <c:v>43234.627997685187</c:v>
                </c:pt>
                <c:pt idx="89">
                  <c:v>43234.586458333331</c:v>
                </c:pt>
                <c:pt idx="90">
                  <c:v>43234.544895833336</c:v>
                </c:pt>
                <c:pt idx="91">
                  <c:v>43234.503263888888</c:v>
                </c:pt>
                <c:pt idx="92">
                  <c:v>43234.461643518516</c:v>
                </c:pt>
                <c:pt idx="93">
                  <c:v>43234.420023148145</c:v>
                </c:pt>
                <c:pt idx="94">
                  <c:v>43234.378379629627</c:v>
                </c:pt>
                <c:pt idx="95">
                  <c:v>43234.336736111109</c:v>
                </c:pt>
                <c:pt idx="96">
                  <c:v>43234.295092592591</c:v>
                </c:pt>
                <c:pt idx="97">
                  <c:v>43234.253472222219</c:v>
                </c:pt>
                <c:pt idx="98">
                  <c:v>43234.211840277778</c:v>
                </c:pt>
                <c:pt idx="99">
                  <c:v>43234.170231481483</c:v>
                </c:pt>
                <c:pt idx="100">
                  <c:v>43234.128599537034</c:v>
                </c:pt>
                <c:pt idx="101">
                  <c:v>43234.08699074074</c:v>
                </c:pt>
                <c:pt idx="102">
                  <c:v>43234.045358796298</c:v>
                </c:pt>
                <c:pt idx="103">
                  <c:v>43234.003750000003</c:v>
                </c:pt>
                <c:pt idx="104">
                  <c:v>43233.962141203701</c:v>
                </c:pt>
                <c:pt idx="105">
                  <c:v>43233.920532407406</c:v>
                </c:pt>
                <c:pt idx="106">
                  <c:v>43233.878900462965</c:v>
                </c:pt>
                <c:pt idx="107">
                  <c:v>43233.837268518517</c:v>
                </c:pt>
                <c:pt idx="108">
                  <c:v>43233.795636574076</c:v>
                </c:pt>
                <c:pt idx="109">
                  <c:v>43233.754004629627</c:v>
                </c:pt>
                <c:pt idx="110">
                  <c:v>43233.712395833332</c:v>
                </c:pt>
                <c:pt idx="111">
                  <c:v>43233.670798611114</c:v>
                </c:pt>
                <c:pt idx="112">
                  <c:v>43233.629166666666</c:v>
                </c:pt>
                <c:pt idx="113">
                  <c:v>43233.587534722225</c:v>
                </c:pt>
                <c:pt idx="114">
                  <c:v>43233.545937499999</c:v>
                </c:pt>
                <c:pt idx="115">
                  <c:v>43233.504282407404</c:v>
                </c:pt>
                <c:pt idx="116">
                  <c:v>43233.462638888886</c:v>
                </c:pt>
                <c:pt idx="117">
                  <c:v>43233.421087962961</c:v>
                </c:pt>
                <c:pt idx="118">
                  <c:v>43233.379502314812</c:v>
                </c:pt>
                <c:pt idx="119">
                  <c:v>43233.337847222225</c:v>
                </c:pt>
                <c:pt idx="120">
                  <c:v>43233.29619212963</c:v>
                </c:pt>
                <c:pt idx="121">
                  <c:v>43233.254664351851</c:v>
                </c:pt>
                <c:pt idx="122">
                  <c:v>43233.213078703702</c:v>
                </c:pt>
                <c:pt idx="123">
                  <c:v>43233.171458333331</c:v>
                </c:pt>
                <c:pt idx="124">
                  <c:v>43233.129814814813</c:v>
                </c:pt>
                <c:pt idx="125">
                  <c:v>43233.088263888887</c:v>
                </c:pt>
                <c:pt idx="126">
                  <c:v>43233.046840277777</c:v>
                </c:pt>
                <c:pt idx="127">
                  <c:v>43233.005219907405</c:v>
                </c:pt>
                <c:pt idx="128">
                  <c:v>43232.96361111111</c:v>
                </c:pt>
                <c:pt idx="129">
                  <c:v>43232.921990740739</c:v>
                </c:pt>
                <c:pt idx="130">
                  <c:v>43232.880335648151</c:v>
                </c:pt>
                <c:pt idx="131">
                  <c:v>43232.838854166665</c:v>
                </c:pt>
                <c:pt idx="132">
                  <c:v>43232.797222222223</c:v>
                </c:pt>
                <c:pt idx="133">
                  <c:v>43232.755659722221</c:v>
                </c:pt>
                <c:pt idx="134">
                  <c:v>43232.714050925926</c:v>
                </c:pt>
                <c:pt idx="135">
                  <c:v>43232.672418981485</c:v>
                </c:pt>
                <c:pt idx="136">
                  <c:v>43232.630798611113</c:v>
                </c:pt>
                <c:pt idx="137">
                  <c:v>43232.589155092595</c:v>
                </c:pt>
                <c:pt idx="138">
                  <c:v>43232.547523148147</c:v>
                </c:pt>
                <c:pt idx="139">
                  <c:v>43232.505949074075</c:v>
                </c:pt>
                <c:pt idx="140">
                  <c:v>43232.464363425926</c:v>
                </c:pt>
                <c:pt idx="141">
                  <c:v>43232.422881944447</c:v>
                </c:pt>
                <c:pt idx="142">
                  <c:v>43232.381284722222</c:v>
                </c:pt>
                <c:pt idx="143">
                  <c:v>43232.339756944442</c:v>
                </c:pt>
                <c:pt idx="144">
                  <c:v>43232.29824074074</c:v>
                </c:pt>
                <c:pt idx="145">
                  <c:v>43232.256678240738</c:v>
                </c:pt>
                <c:pt idx="146">
                  <c:v>43232.215057870373</c:v>
                </c:pt>
                <c:pt idx="147">
                  <c:v>43232.173483796294</c:v>
                </c:pt>
                <c:pt idx="148">
                  <c:v>43232.131886574076</c:v>
                </c:pt>
                <c:pt idx="149">
                  <c:v>43232.09034722222</c:v>
                </c:pt>
                <c:pt idx="150">
                  <c:v>43232.048738425925</c:v>
                </c:pt>
                <c:pt idx="151">
                  <c:v>43232.007164351853</c:v>
                </c:pt>
                <c:pt idx="152">
                  <c:v>43231.965567129628</c:v>
                </c:pt>
                <c:pt idx="153">
                  <c:v>43231.924062500002</c:v>
                </c:pt>
                <c:pt idx="154">
                  <c:v>43231.882430555554</c:v>
                </c:pt>
                <c:pt idx="155">
                  <c:v>43231.840787037036</c:v>
                </c:pt>
                <c:pt idx="156">
                  <c:v>43231.799143518518</c:v>
                </c:pt>
                <c:pt idx="157">
                  <c:v>43231.757557870369</c:v>
                </c:pt>
                <c:pt idx="158">
                  <c:v>43231.715925925928</c:v>
                </c:pt>
                <c:pt idx="159">
                  <c:v>43231.674328703702</c:v>
                </c:pt>
                <c:pt idx="160">
                  <c:v>43231.632870370369</c:v>
                </c:pt>
                <c:pt idx="161">
                  <c:v>43231.591226851851</c:v>
                </c:pt>
                <c:pt idx="162">
                  <c:v>43231.549629629626</c:v>
                </c:pt>
                <c:pt idx="163">
                  <c:v>43231.508113425924</c:v>
                </c:pt>
                <c:pt idx="164">
                  <c:v>43231.466469907406</c:v>
                </c:pt>
                <c:pt idx="165">
                  <c:v>43231.424861111111</c:v>
                </c:pt>
                <c:pt idx="166">
                  <c:v>43231.383229166669</c:v>
                </c:pt>
                <c:pt idx="167">
                  <c:v>43231.341631944444</c:v>
                </c:pt>
                <c:pt idx="168">
                  <c:v>43231.3</c:v>
                </c:pt>
                <c:pt idx="169">
                  <c:v>43231.258402777778</c:v>
                </c:pt>
                <c:pt idx="170">
                  <c:v>43231.216793981483</c:v>
                </c:pt>
                <c:pt idx="171">
                  <c:v>43231.175185185188</c:v>
                </c:pt>
                <c:pt idx="172">
                  <c:v>43231.13354166667</c:v>
                </c:pt>
                <c:pt idx="173">
                  <c:v>43231.091921296298</c:v>
                </c:pt>
                <c:pt idx="174">
                  <c:v>43231.050312500003</c:v>
                </c:pt>
                <c:pt idx="175">
                  <c:v>43231.008657407408</c:v>
                </c:pt>
                <c:pt idx="176">
                  <c:v>43230.96702546296</c:v>
                </c:pt>
                <c:pt idx="177">
                  <c:v>43230.925393518519</c:v>
                </c:pt>
                <c:pt idx="178">
                  <c:v>43230.883750000001</c:v>
                </c:pt>
                <c:pt idx="179">
                  <c:v>43230.842141203706</c:v>
                </c:pt>
                <c:pt idx="180">
                  <c:v>43230.800509259258</c:v>
                </c:pt>
                <c:pt idx="181">
                  <c:v>43230.758912037039</c:v>
                </c:pt>
                <c:pt idx="182">
                  <c:v>43230.717280092591</c:v>
                </c:pt>
                <c:pt idx="183">
                  <c:v>43230.675671296296</c:v>
                </c:pt>
                <c:pt idx="184">
                  <c:v>43230.634074074071</c:v>
                </c:pt>
                <c:pt idx="185">
                  <c:v>43230.592453703706</c:v>
                </c:pt>
                <c:pt idx="186">
                  <c:v>43230.550856481481</c:v>
                </c:pt>
                <c:pt idx="187">
                  <c:v>43230.509212962963</c:v>
                </c:pt>
                <c:pt idx="188">
                  <c:v>43230.467581018522</c:v>
                </c:pt>
                <c:pt idx="189">
                  <c:v>43230.425983796296</c:v>
                </c:pt>
                <c:pt idx="190">
                  <c:v>43230.384351851855</c:v>
                </c:pt>
                <c:pt idx="191">
                  <c:v>43230.342719907407</c:v>
                </c:pt>
                <c:pt idx="192">
                  <c:v>43230.301076388889</c:v>
                </c:pt>
                <c:pt idx="193">
                  <c:v>43230.259456018517</c:v>
                </c:pt>
                <c:pt idx="194">
                  <c:v>43230.217824074076</c:v>
                </c:pt>
                <c:pt idx="195">
                  <c:v>43230.176215277781</c:v>
                </c:pt>
                <c:pt idx="196">
                  <c:v>43230.134606481479</c:v>
                </c:pt>
                <c:pt idx="197">
                  <c:v>43230.093009259261</c:v>
                </c:pt>
                <c:pt idx="198">
                  <c:v>43230.051412037035</c:v>
                </c:pt>
                <c:pt idx="199">
                  <c:v>43230.009768518517</c:v>
                </c:pt>
                <c:pt idx="200">
                  <c:v>43229.968148148146</c:v>
                </c:pt>
                <c:pt idx="201">
                  <c:v>43229.926516203705</c:v>
                </c:pt>
                <c:pt idx="202">
                  <c:v>43229.884930555556</c:v>
                </c:pt>
                <c:pt idx="203">
                  <c:v>43229.843275462961</c:v>
                </c:pt>
                <c:pt idx="204">
                  <c:v>43229.80164351852</c:v>
                </c:pt>
                <c:pt idx="205">
                  <c:v>43229.760023148148</c:v>
                </c:pt>
                <c:pt idx="206">
                  <c:v>43229.71837962963</c:v>
                </c:pt>
                <c:pt idx="207">
                  <c:v>43229.676747685182</c:v>
                </c:pt>
                <c:pt idx="208">
                  <c:v>43229.635092592594</c:v>
                </c:pt>
                <c:pt idx="209">
                  <c:v>43229.593495370369</c:v>
                </c:pt>
                <c:pt idx="210">
                  <c:v>43229.551851851851</c:v>
                </c:pt>
                <c:pt idx="211">
                  <c:v>43229.510277777779</c:v>
                </c:pt>
                <c:pt idx="212">
                  <c:v>43229.468819444446</c:v>
                </c:pt>
                <c:pt idx="213">
                  <c:v>43229.468657407408</c:v>
                </c:pt>
                <c:pt idx="214">
                  <c:v>43229.42701388889</c:v>
                </c:pt>
                <c:pt idx="215">
                  <c:v>43229.385381944441</c:v>
                </c:pt>
                <c:pt idx="216">
                  <c:v>43229.343761574077</c:v>
                </c:pt>
                <c:pt idx="217">
                  <c:v>43229.302118055559</c:v>
                </c:pt>
                <c:pt idx="218">
                  <c:v>43229.260497685187</c:v>
                </c:pt>
                <c:pt idx="219">
                  <c:v>43229.218865740739</c:v>
                </c:pt>
                <c:pt idx="220">
                  <c:v>43229.177222222221</c:v>
                </c:pt>
                <c:pt idx="221">
                  <c:v>43229.135636574072</c:v>
                </c:pt>
                <c:pt idx="222">
                  <c:v>43229.0940162037</c:v>
                </c:pt>
                <c:pt idx="223">
                  <c:v>43229.052418981482</c:v>
                </c:pt>
                <c:pt idx="224">
                  <c:v>43229.010798611111</c:v>
                </c:pt>
                <c:pt idx="225">
                  <c:v>43228.969178240739</c:v>
                </c:pt>
                <c:pt idx="226">
                  <c:v>43228.927569444444</c:v>
                </c:pt>
                <c:pt idx="227">
                  <c:v>43228.885937500003</c:v>
                </c:pt>
                <c:pt idx="228">
                  <c:v>43228.844293981485</c:v>
                </c:pt>
                <c:pt idx="229">
                  <c:v>43228.802662037036</c:v>
                </c:pt>
                <c:pt idx="230">
                  <c:v>43228.761030092595</c:v>
                </c:pt>
                <c:pt idx="231">
                  <c:v>43228.719421296293</c:v>
                </c:pt>
                <c:pt idx="232">
                  <c:v>43228.677824074075</c:v>
                </c:pt>
                <c:pt idx="233">
                  <c:v>43228.636203703703</c:v>
                </c:pt>
                <c:pt idx="234">
                  <c:v>43228.594571759262</c:v>
                </c:pt>
                <c:pt idx="235">
                  <c:v>43228.552928240744</c:v>
                </c:pt>
                <c:pt idx="236">
                  <c:v>43228.511296296296</c:v>
                </c:pt>
                <c:pt idx="237">
                  <c:v>43228.469687500001</c:v>
                </c:pt>
                <c:pt idx="238">
                  <c:v>43228.428067129629</c:v>
                </c:pt>
                <c:pt idx="239">
                  <c:v>43228.386481481481</c:v>
                </c:pt>
                <c:pt idx="240">
                  <c:v>43228.344837962963</c:v>
                </c:pt>
                <c:pt idx="241">
                  <c:v>43228.303194444445</c:v>
                </c:pt>
                <c:pt idx="242">
                  <c:v>43228.261574074073</c:v>
                </c:pt>
                <c:pt idx="243">
                  <c:v>43228.219942129632</c:v>
                </c:pt>
                <c:pt idx="244">
                  <c:v>43228.17832175926</c:v>
                </c:pt>
                <c:pt idx="245">
                  <c:v>43228.136712962965</c:v>
                </c:pt>
                <c:pt idx="246">
                  <c:v>43228.095081018517</c:v>
                </c:pt>
                <c:pt idx="247">
                  <c:v>43228.053437499999</c:v>
                </c:pt>
                <c:pt idx="248">
                  <c:v>43228.011805555558</c:v>
                </c:pt>
                <c:pt idx="249">
                  <c:v>43227.970208333332</c:v>
                </c:pt>
                <c:pt idx="250">
                  <c:v>43227.928564814814</c:v>
                </c:pt>
                <c:pt idx="251">
                  <c:v>43227.886944444443</c:v>
                </c:pt>
                <c:pt idx="252">
                  <c:v>43227.845312500001</c:v>
                </c:pt>
                <c:pt idx="253">
                  <c:v>43227.80369212963</c:v>
                </c:pt>
                <c:pt idx="254">
                  <c:v>43227.762083333335</c:v>
                </c:pt>
                <c:pt idx="255">
                  <c:v>43227.720462962963</c:v>
                </c:pt>
                <c:pt idx="256">
                  <c:v>43227.678831018522</c:v>
                </c:pt>
                <c:pt idx="257">
                  <c:v>43227.63721064815</c:v>
                </c:pt>
                <c:pt idx="258">
                  <c:v>43227.595590277779</c:v>
                </c:pt>
                <c:pt idx="259">
                  <c:v>43227.553935185184</c:v>
                </c:pt>
                <c:pt idx="260">
                  <c:v>43227.512337962966</c:v>
                </c:pt>
                <c:pt idx="261">
                  <c:v>43227.470717592594</c:v>
                </c:pt>
                <c:pt idx="262">
                  <c:v>43227.429085648146</c:v>
                </c:pt>
                <c:pt idx="263">
                  <c:v>43227.387465277781</c:v>
                </c:pt>
                <c:pt idx="264">
                  <c:v>43227.345868055556</c:v>
                </c:pt>
                <c:pt idx="265">
                  <c:v>43227.304328703707</c:v>
                </c:pt>
                <c:pt idx="266">
                  <c:v>43227.262696759259</c:v>
                </c:pt>
                <c:pt idx="267">
                  <c:v>43227.221064814818</c:v>
                </c:pt>
                <c:pt idx="268">
                  <c:v>43227.179467592592</c:v>
                </c:pt>
                <c:pt idx="269">
                  <c:v>43227.137870370374</c:v>
                </c:pt>
                <c:pt idx="270">
                  <c:v>43227.096261574072</c:v>
                </c:pt>
                <c:pt idx="271">
                  <c:v>43227.054710648146</c:v>
                </c:pt>
                <c:pt idx="272">
                  <c:v>43227.013206018521</c:v>
                </c:pt>
                <c:pt idx="273">
                  <c:v>43226.971689814818</c:v>
                </c:pt>
                <c:pt idx="274">
                  <c:v>43226.930104166669</c:v>
                </c:pt>
                <c:pt idx="275">
                  <c:v>43226.888599537036</c:v>
                </c:pt>
                <c:pt idx="276">
                  <c:v>43226.847025462965</c:v>
                </c:pt>
                <c:pt idx="277">
                  <c:v>43226.805428240739</c:v>
                </c:pt>
                <c:pt idx="278">
                  <c:v>43226.763807870368</c:v>
                </c:pt>
                <c:pt idx="279">
                  <c:v>43226.72216435185</c:v>
                </c:pt>
                <c:pt idx="280">
                  <c:v>43226.680532407408</c:v>
                </c:pt>
                <c:pt idx="281">
                  <c:v>43226.638935185183</c:v>
                </c:pt>
                <c:pt idx="282">
                  <c:v>43226.597314814811</c:v>
                </c:pt>
                <c:pt idx="283">
                  <c:v>43226.55568287037</c:v>
                </c:pt>
                <c:pt idx="284">
                  <c:v>43226.514166666668</c:v>
                </c:pt>
                <c:pt idx="285">
                  <c:v>43226.472638888888</c:v>
                </c:pt>
                <c:pt idx="286">
                  <c:v>43226.431041666663</c:v>
                </c:pt>
                <c:pt idx="287">
                  <c:v>43226.389398148145</c:v>
                </c:pt>
                <c:pt idx="288">
                  <c:v>43226.34778935185</c:v>
                </c:pt>
                <c:pt idx="289">
                  <c:v>43226.306180555555</c:v>
                </c:pt>
                <c:pt idx="290">
                  <c:v>43226.264548611114</c:v>
                </c:pt>
                <c:pt idx="291">
                  <c:v>43226.222905092596</c:v>
                </c:pt>
                <c:pt idx="292">
                  <c:v>43226.181296296294</c:v>
                </c:pt>
                <c:pt idx="293">
                  <c:v>43226.139652777776</c:v>
                </c:pt>
                <c:pt idx="294">
                  <c:v>43226.098078703704</c:v>
                </c:pt>
                <c:pt idx="295">
                  <c:v>43226.056504629632</c:v>
                </c:pt>
                <c:pt idx="296">
                  <c:v>43226.01494212963</c:v>
                </c:pt>
                <c:pt idx="297">
                  <c:v>43225.973368055558</c:v>
                </c:pt>
                <c:pt idx="298">
                  <c:v>43225.93178240741</c:v>
                </c:pt>
                <c:pt idx="299">
                  <c:v>43225.890150462961</c:v>
                </c:pt>
                <c:pt idx="300">
                  <c:v>43225.848587962966</c:v>
                </c:pt>
                <c:pt idx="301">
                  <c:v>43225.806932870371</c:v>
                </c:pt>
                <c:pt idx="302">
                  <c:v>43225.765300925923</c:v>
                </c:pt>
                <c:pt idx="303">
                  <c:v>43225.723692129628</c:v>
                </c:pt>
                <c:pt idx="304">
                  <c:v>43225.682118055556</c:v>
                </c:pt>
                <c:pt idx="305">
                  <c:v>43225.640486111108</c:v>
                </c:pt>
                <c:pt idx="306">
                  <c:v>43225.59884259259</c:v>
                </c:pt>
                <c:pt idx="307">
                  <c:v>43225.557199074072</c:v>
                </c:pt>
                <c:pt idx="308">
                  <c:v>43225.515555555554</c:v>
                </c:pt>
                <c:pt idx="309">
                  <c:v>43225.473958333336</c:v>
                </c:pt>
                <c:pt idx="310">
                  <c:v>43225.432314814818</c:v>
                </c:pt>
                <c:pt idx="311">
                  <c:v>43225.390740740739</c:v>
                </c:pt>
                <c:pt idx="312">
                  <c:v>43225.349108796298</c:v>
                </c:pt>
                <c:pt idx="313">
                  <c:v>43225.307511574072</c:v>
                </c:pt>
                <c:pt idx="314">
                  <c:v>43225.265914351854</c:v>
                </c:pt>
                <c:pt idx="315">
                  <c:v>43225.224317129629</c:v>
                </c:pt>
                <c:pt idx="316">
                  <c:v>43225.18273148148</c:v>
                </c:pt>
                <c:pt idx="317">
                  <c:v>43225.141099537039</c:v>
                </c:pt>
                <c:pt idx="318">
                  <c:v>43225.09951388889</c:v>
                </c:pt>
                <c:pt idx="319">
                  <c:v>43225.057870370372</c:v>
                </c:pt>
                <c:pt idx="320">
                  <c:v>43225.016250000001</c:v>
                </c:pt>
                <c:pt idx="321">
                  <c:v>43224.974699074075</c:v>
                </c:pt>
                <c:pt idx="322">
                  <c:v>43224.933067129627</c:v>
                </c:pt>
                <c:pt idx="323">
                  <c:v>43224.891435185185</c:v>
                </c:pt>
                <c:pt idx="324">
                  <c:v>43224.849791666667</c:v>
                </c:pt>
                <c:pt idx="325">
                  <c:v>43224.808159722219</c:v>
                </c:pt>
                <c:pt idx="326">
                  <c:v>43224.766550925924</c:v>
                </c:pt>
                <c:pt idx="327">
                  <c:v>43224.724895833337</c:v>
                </c:pt>
                <c:pt idx="328">
                  <c:v>43224.683252314811</c:v>
                </c:pt>
                <c:pt idx="329">
                  <c:v>43224.641608796293</c:v>
                </c:pt>
                <c:pt idx="330">
                  <c:v>43224.599976851852</c:v>
                </c:pt>
                <c:pt idx="331">
                  <c:v>43224.558368055557</c:v>
                </c:pt>
                <c:pt idx="332">
                  <c:v>43224.516736111109</c:v>
                </c:pt>
                <c:pt idx="333">
                  <c:v>43224.475092592591</c:v>
                </c:pt>
                <c:pt idx="334">
                  <c:v>43224.43346064815</c:v>
                </c:pt>
                <c:pt idx="335">
                  <c:v>43224.391793981478</c:v>
                </c:pt>
                <c:pt idx="336">
                  <c:v>43224.35015046296</c:v>
                </c:pt>
                <c:pt idx="337">
                  <c:v>43224.308541666665</c:v>
                </c:pt>
                <c:pt idx="338">
                  <c:v>43224.266909722224</c:v>
                </c:pt>
                <c:pt idx="339">
                  <c:v>43224.225277777776</c:v>
                </c:pt>
                <c:pt idx="340">
                  <c:v>43224.183645833335</c:v>
                </c:pt>
                <c:pt idx="341">
                  <c:v>43224.142002314817</c:v>
                </c:pt>
                <c:pt idx="342">
                  <c:v>43224.100439814814</c:v>
                </c:pt>
                <c:pt idx="343">
                  <c:v>43224.058865740742</c:v>
                </c:pt>
                <c:pt idx="344">
                  <c:v>43224.017256944448</c:v>
                </c:pt>
                <c:pt idx="345">
                  <c:v>43223.975648148145</c:v>
                </c:pt>
                <c:pt idx="346">
                  <c:v>43223.934120370373</c:v>
                </c:pt>
                <c:pt idx="347">
                  <c:v>43223.892500000002</c:v>
                </c:pt>
                <c:pt idx="348">
                  <c:v>43223.850914351853</c:v>
                </c:pt>
                <c:pt idx="349">
                  <c:v>43223.809317129628</c:v>
                </c:pt>
                <c:pt idx="350">
                  <c:v>43223.76767361111</c:v>
                </c:pt>
                <c:pt idx="351">
                  <c:v>43223.726064814815</c:v>
                </c:pt>
                <c:pt idx="352">
                  <c:v>43223.684444444443</c:v>
                </c:pt>
                <c:pt idx="353">
                  <c:v>43223.642835648148</c:v>
                </c:pt>
                <c:pt idx="354">
                  <c:v>43223.60119212963</c:v>
                </c:pt>
                <c:pt idx="355">
                  <c:v>43223.559583333335</c:v>
                </c:pt>
                <c:pt idx="356">
                  <c:v>43223.517951388887</c:v>
                </c:pt>
                <c:pt idx="357">
                  <c:v>43223.476342592592</c:v>
                </c:pt>
                <c:pt idx="358">
                  <c:v>43223.434733796297</c:v>
                </c:pt>
                <c:pt idx="359">
                  <c:v>43223.393090277779</c:v>
                </c:pt>
                <c:pt idx="360">
                  <c:v>43223.351469907408</c:v>
                </c:pt>
                <c:pt idx="361">
                  <c:v>43223.309861111113</c:v>
                </c:pt>
                <c:pt idx="362">
                  <c:v>43223.268206018518</c:v>
                </c:pt>
                <c:pt idx="363">
                  <c:v>43223.226585648146</c:v>
                </c:pt>
                <c:pt idx="364">
                  <c:v>43223.184953703705</c:v>
                </c:pt>
                <c:pt idx="365">
                  <c:v>43223.143333333333</c:v>
                </c:pt>
                <c:pt idx="366">
                  <c:v>43223.101724537039</c:v>
                </c:pt>
                <c:pt idx="367">
                  <c:v>43223.060104166667</c:v>
                </c:pt>
                <c:pt idx="368">
                  <c:v>43223.018460648149</c:v>
                </c:pt>
                <c:pt idx="369">
                  <c:v>43222.9768287037</c:v>
                </c:pt>
                <c:pt idx="370">
                  <c:v>43222.935208333336</c:v>
                </c:pt>
                <c:pt idx="371">
                  <c:v>43222.893553240741</c:v>
                </c:pt>
                <c:pt idx="372">
                  <c:v>43222.851979166669</c:v>
                </c:pt>
                <c:pt idx="373">
                  <c:v>43222.810416666667</c:v>
                </c:pt>
                <c:pt idx="374">
                  <c:v>43222.768784722219</c:v>
                </c:pt>
                <c:pt idx="375">
                  <c:v>43222.727152777778</c:v>
                </c:pt>
                <c:pt idx="376">
                  <c:v>43222.685532407406</c:v>
                </c:pt>
                <c:pt idx="377">
                  <c:v>43222.643923611111</c:v>
                </c:pt>
                <c:pt idx="378">
                  <c:v>43222.602337962962</c:v>
                </c:pt>
                <c:pt idx="379">
                  <c:v>43222.560729166667</c:v>
                </c:pt>
                <c:pt idx="380">
                  <c:v>43222.519120370373</c:v>
                </c:pt>
                <c:pt idx="381">
                  <c:v>43222.477488425924</c:v>
                </c:pt>
                <c:pt idx="382">
                  <c:v>43222.435902777775</c:v>
                </c:pt>
                <c:pt idx="383">
                  <c:v>43222.394270833334</c:v>
                </c:pt>
                <c:pt idx="384">
                  <c:v>43222.352743055555</c:v>
                </c:pt>
                <c:pt idx="385">
                  <c:v>43222.311122685183</c:v>
                </c:pt>
                <c:pt idx="386">
                  <c:v>43222.269606481481</c:v>
                </c:pt>
                <c:pt idx="387">
                  <c:v>43222.228009259263</c:v>
                </c:pt>
                <c:pt idx="388">
                  <c:v>43222.186377314814</c:v>
                </c:pt>
                <c:pt idx="389">
                  <c:v>43222.144837962966</c:v>
                </c:pt>
                <c:pt idx="390">
                  <c:v>43222.103217592594</c:v>
                </c:pt>
                <c:pt idx="391">
                  <c:v>43222.061597222222</c:v>
                </c:pt>
                <c:pt idx="392">
                  <c:v>43222.019988425927</c:v>
                </c:pt>
                <c:pt idx="393">
                  <c:v>43221.978472222225</c:v>
                </c:pt>
                <c:pt idx="394">
                  <c:v>43221.936840277776</c:v>
                </c:pt>
                <c:pt idx="395">
                  <c:v>43221.895243055558</c:v>
                </c:pt>
                <c:pt idx="396">
                  <c:v>43221.853680555556</c:v>
                </c:pt>
                <c:pt idx="397">
                  <c:v>43221.812060185184</c:v>
                </c:pt>
                <c:pt idx="398">
                  <c:v>43221.770497685182</c:v>
                </c:pt>
                <c:pt idx="399">
                  <c:v>43221.728854166664</c:v>
                </c:pt>
                <c:pt idx="400">
                  <c:v>43221.687222222223</c:v>
                </c:pt>
                <c:pt idx="401">
                  <c:v>43221.645590277774</c:v>
                </c:pt>
                <c:pt idx="402">
                  <c:v>43221.603935185187</c:v>
                </c:pt>
                <c:pt idx="403">
                  <c:v>43221.562291666669</c:v>
                </c:pt>
                <c:pt idx="404">
                  <c:v>43221.52065972222</c:v>
                </c:pt>
                <c:pt idx="405">
                  <c:v>43221.479050925926</c:v>
                </c:pt>
                <c:pt idx="406">
                  <c:v>43221.437476851854</c:v>
                </c:pt>
                <c:pt idx="407">
                  <c:v>43221.395833333336</c:v>
                </c:pt>
                <c:pt idx="408">
                  <c:v>43221.354224537034</c:v>
                </c:pt>
                <c:pt idx="409">
                  <c:v>43221.312604166669</c:v>
                </c:pt>
                <c:pt idx="410">
                  <c:v>43221.271018518521</c:v>
                </c:pt>
                <c:pt idx="411">
                  <c:v>43221.229467592595</c:v>
                </c:pt>
                <c:pt idx="412">
                  <c:v>43221.187939814816</c:v>
                </c:pt>
                <c:pt idx="413">
                  <c:v>43221.146365740744</c:v>
                </c:pt>
                <c:pt idx="414">
                  <c:v>43221.104837962965</c:v>
                </c:pt>
                <c:pt idx="415">
                  <c:v>43221.063217592593</c:v>
                </c:pt>
                <c:pt idx="416">
                  <c:v>43221.021608796298</c:v>
                </c:pt>
                <c:pt idx="417">
                  <c:v>43220.98</c:v>
                </c:pt>
                <c:pt idx="418">
                  <c:v>43220.938506944447</c:v>
                </c:pt>
                <c:pt idx="419">
                  <c:v>43220.896886574075</c:v>
                </c:pt>
                <c:pt idx="420">
                  <c:v>43220.855266203704</c:v>
                </c:pt>
                <c:pt idx="421">
                  <c:v>43220.813715277778</c:v>
                </c:pt>
                <c:pt idx="422">
                  <c:v>43220.772106481483</c:v>
                </c:pt>
                <c:pt idx="423">
                  <c:v>43220.730543981481</c:v>
                </c:pt>
                <c:pt idx="424">
                  <c:v>43220.688935185186</c:v>
                </c:pt>
                <c:pt idx="425">
                  <c:v>43220.647314814814</c:v>
                </c:pt>
                <c:pt idx="426">
                  <c:v>43220.605821759258</c:v>
                </c:pt>
                <c:pt idx="427">
                  <c:v>43220.564201388886</c:v>
                </c:pt>
                <c:pt idx="428">
                  <c:v>43220.522581018522</c:v>
                </c:pt>
                <c:pt idx="429">
                  <c:v>43220.48101851852</c:v>
                </c:pt>
                <c:pt idx="430">
                  <c:v>43220.439386574071</c:v>
                </c:pt>
                <c:pt idx="431">
                  <c:v>43220.397743055553</c:v>
                </c:pt>
                <c:pt idx="432">
                  <c:v>43220.356111111112</c:v>
                </c:pt>
                <c:pt idx="433">
                  <c:v>43220.314502314817</c:v>
                </c:pt>
                <c:pt idx="434">
                  <c:v>43220.272858796299</c:v>
                </c:pt>
                <c:pt idx="435">
                  <c:v>43220.231273148151</c:v>
                </c:pt>
                <c:pt idx="436">
                  <c:v>43220.189652777779</c:v>
                </c:pt>
                <c:pt idx="437">
                  <c:v>43220.148159722223</c:v>
                </c:pt>
                <c:pt idx="438">
                  <c:v>43220.106562499997</c:v>
                </c:pt>
                <c:pt idx="439">
                  <c:v>43220.065023148149</c:v>
                </c:pt>
                <c:pt idx="440">
                  <c:v>43220.0234375</c:v>
                </c:pt>
                <c:pt idx="441">
                  <c:v>43219.981909722221</c:v>
                </c:pt>
                <c:pt idx="442">
                  <c:v>43219.940358796295</c:v>
                </c:pt>
                <c:pt idx="443">
                  <c:v>43219.898726851854</c:v>
                </c:pt>
                <c:pt idx="444">
                  <c:v>43219.857094907406</c:v>
                </c:pt>
                <c:pt idx="445">
                  <c:v>43219.815532407411</c:v>
                </c:pt>
                <c:pt idx="446">
                  <c:v>43219.773969907408</c:v>
                </c:pt>
                <c:pt idx="447">
                  <c:v>43219.73238425926</c:v>
                </c:pt>
                <c:pt idx="448">
                  <c:v>43219.690798611111</c:v>
                </c:pt>
                <c:pt idx="449">
                  <c:v>43219.649224537039</c:v>
                </c:pt>
                <c:pt idx="450">
                  <c:v>43219.607604166667</c:v>
                </c:pt>
                <c:pt idx="451">
                  <c:v>43219.566041666665</c:v>
                </c:pt>
                <c:pt idx="452">
                  <c:v>43219.524398148147</c:v>
                </c:pt>
                <c:pt idx="453">
                  <c:v>43219.482870370368</c:v>
                </c:pt>
                <c:pt idx="454">
                  <c:v>43219.441238425927</c:v>
                </c:pt>
                <c:pt idx="455">
                  <c:v>43219.399606481478</c:v>
                </c:pt>
                <c:pt idx="456">
                  <c:v>43219.357974537037</c:v>
                </c:pt>
                <c:pt idx="457">
                  <c:v>43219.316365740742</c:v>
                </c:pt>
                <c:pt idx="458">
                  <c:v>43219.274756944447</c:v>
                </c:pt>
                <c:pt idx="459">
                  <c:v>43219.233148148145</c:v>
                </c:pt>
                <c:pt idx="460">
                  <c:v>43219.191550925927</c:v>
                </c:pt>
                <c:pt idx="461">
                  <c:v>43219.149988425925</c:v>
                </c:pt>
                <c:pt idx="462">
                  <c:v>43219.108449074076</c:v>
                </c:pt>
                <c:pt idx="463">
                  <c:v>43219.066817129627</c:v>
                </c:pt>
                <c:pt idx="464">
                  <c:v>43219.025254629632</c:v>
                </c:pt>
                <c:pt idx="465">
                  <c:v>43218.983680555553</c:v>
                </c:pt>
                <c:pt idx="466">
                  <c:v>43218.942129629628</c:v>
                </c:pt>
                <c:pt idx="467">
                  <c:v>43218.900567129633</c:v>
                </c:pt>
                <c:pt idx="468">
                  <c:v>43218.858993055554</c:v>
                </c:pt>
                <c:pt idx="469">
                  <c:v>43218.817361111112</c:v>
                </c:pt>
                <c:pt idx="470">
                  <c:v>43218.775729166664</c:v>
                </c:pt>
                <c:pt idx="471">
                  <c:v>43218.734166666669</c:v>
                </c:pt>
                <c:pt idx="472">
                  <c:v>43218.69253472222</c:v>
                </c:pt>
                <c:pt idx="473">
                  <c:v>43218.650995370372</c:v>
                </c:pt>
                <c:pt idx="474">
                  <c:v>43218.609432870369</c:v>
                </c:pt>
                <c:pt idx="475">
                  <c:v>43218.567858796298</c:v>
                </c:pt>
                <c:pt idx="476">
                  <c:v>43218.526250000003</c:v>
                </c:pt>
                <c:pt idx="477">
                  <c:v>43218.484618055554</c:v>
                </c:pt>
                <c:pt idx="478">
                  <c:v>43218.443090277775</c:v>
                </c:pt>
                <c:pt idx="479">
                  <c:v>43218.401469907411</c:v>
                </c:pt>
                <c:pt idx="480">
                  <c:v>43218.359826388885</c:v>
                </c:pt>
                <c:pt idx="481">
                  <c:v>43218.318182870367</c:v>
                </c:pt>
                <c:pt idx="482">
                  <c:v>43218.276550925926</c:v>
                </c:pt>
                <c:pt idx="483">
                  <c:v>43218.234930555554</c:v>
                </c:pt>
                <c:pt idx="484">
                  <c:v>43218.193310185183</c:v>
                </c:pt>
                <c:pt idx="485">
                  <c:v>43218.151678240742</c:v>
                </c:pt>
                <c:pt idx="486">
                  <c:v>43218.110115740739</c:v>
                </c:pt>
                <c:pt idx="487">
                  <c:v>43218.068564814814</c:v>
                </c:pt>
                <c:pt idx="488">
                  <c:v>43218.027002314811</c:v>
                </c:pt>
                <c:pt idx="489">
                  <c:v>43217.98542824074</c:v>
                </c:pt>
                <c:pt idx="490">
                  <c:v>43217.943842592591</c:v>
                </c:pt>
                <c:pt idx="491">
                  <c:v>43217.902222222219</c:v>
                </c:pt>
                <c:pt idx="492">
                  <c:v>43217.860590277778</c:v>
                </c:pt>
                <c:pt idx="493">
                  <c:v>43217.818969907406</c:v>
                </c:pt>
                <c:pt idx="494">
                  <c:v>43217.777361111112</c:v>
                </c:pt>
                <c:pt idx="495">
                  <c:v>43217.735729166663</c:v>
                </c:pt>
                <c:pt idx="496">
                  <c:v>43217.694085648145</c:v>
                </c:pt>
                <c:pt idx="497">
                  <c:v>43217.652511574073</c:v>
                </c:pt>
                <c:pt idx="498">
                  <c:v>43217.610983796294</c:v>
                </c:pt>
                <c:pt idx="499">
                  <c:v>43217.569386574076</c:v>
                </c:pt>
                <c:pt idx="500">
                  <c:v>43217.527824074074</c:v>
                </c:pt>
                <c:pt idx="501">
                  <c:v>43217.486296296294</c:v>
                </c:pt>
                <c:pt idx="502">
                  <c:v>43217.444791666669</c:v>
                </c:pt>
                <c:pt idx="503">
                  <c:v>43217.403194444443</c:v>
                </c:pt>
                <c:pt idx="504">
                  <c:v>43217.361562500002</c:v>
                </c:pt>
                <c:pt idx="505">
                  <c:v>43217.319918981484</c:v>
                </c:pt>
                <c:pt idx="506">
                  <c:v>43217.278368055559</c:v>
                </c:pt>
                <c:pt idx="507">
                  <c:v>43217.236770833333</c:v>
                </c:pt>
                <c:pt idx="508">
                  <c:v>43217.195115740738</c:v>
                </c:pt>
                <c:pt idx="509">
                  <c:v>43217.15351851852</c:v>
                </c:pt>
                <c:pt idx="510">
                  <c:v>43217.111944444441</c:v>
                </c:pt>
                <c:pt idx="511">
                  <c:v>43217.0703125</c:v>
                </c:pt>
                <c:pt idx="512">
                  <c:v>43217.028749999998</c:v>
                </c:pt>
                <c:pt idx="513">
                  <c:v>43216.987326388888</c:v>
                </c:pt>
                <c:pt idx="514">
                  <c:v>43216.945740740739</c:v>
                </c:pt>
                <c:pt idx="515">
                  <c:v>43216.904131944444</c:v>
                </c:pt>
                <c:pt idx="516">
                  <c:v>43216.862476851849</c:v>
                </c:pt>
                <c:pt idx="517">
                  <c:v>43216.820844907408</c:v>
                </c:pt>
                <c:pt idx="518">
                  <c:v>43216.779247685183</c:v>
                </c:pt>
                <c:pt idx="519">
                  <c:v>43216.737615740742</c:v>
                </c:pt>
                <c:pt idx="520">
                  <c:v>43216.695983796293</c:v>
                </c:pt>
                <c:pt idx="521">
                  <c:v>43216.654386574075</c:v>
                </c:pt>
                <c:pt idx="522">
                  <c:v>43216.612766203703</c:v>
                </c:pt>
                <c:pt idx="523">
                  <c:v>43216.571134259262</c:v>
                </c:pt>
                <c:pt idx="524">
                  <c:v>43216.529490740744</c:v>
                </c:pt>
                <c:pt idx="525">
                  <c:v>43216.495578703703</c:v>
                </c:pt>
                <c:pt idx="526">
                  <c:v>43216.487916666665</c:v>
                </c:pt>
                <c:pt idx="527">
                  <c:v>43216.446296296293</c:v>
                </c:pt>
                <c:pt idx="528">
                  <c:v>43216.404699074075</c:v>
                </c:pt>
                <c:pt idx="529">
                  <c:v>43216.363078703704</c:v>
                </c:pt>
                <c:pt idx="530">
                  <c:v>43216.321458333332</c:v>
                </c:pt>
                <c:pt idx="531">
                  <c:v>43216.279861111114</c:v>
                </c:pt>
                <c:pt idx="532">
                  <c:v>43216.238252314812</c:v>
                </c:pt>
                <c:pt idx="533">
                  <c:v>43216.196608796294</c:v>
                </c:pt>
                <c:pt idx="534">
                  <c:v>43216.154976851853</c:v>
                </c:pt>
                <c:pt idx="535">
                  <c:v>43216.113344907404</c:v>
                </c:pt>
                <c:pt idx="536">
                  <c:v>43216.071701388886</c:v>
                </c:pt>
                <c:pt idx="537">
                  <c:v>43216.030104166668</c:v>
                </c:pt>
                <c:pt idx="538">
                  <c:v>43215.988506944443</c:v>
                </c:pt>
                <c:pt idx="539">
                  <c:v>43215.946909722225</c:v>
                </c:pt>
                <c:pt idx="540">
                  <c:v>43215.905324074076</c:v>
                </c:pt>
                <c:pt idx="541">
                  <c:v>43215.863738425927</c:v>
                </c:pt>
                <c:pt idx="542">
                  <c:v>43215.822118055556</c:v>
                </c:pt>
                <c:pt idx="543">
                  <c:v>43215.780509259261</c:v>
                </c:pt>
                <c:pt idx="544">
                  <c:v>43215.738888888889</c:v>
                </c:pt>
                <c:pt idx="545">
                  <c:v>43215.69730324074</c:v>
                </c:pt>
                <c:pt idx="546">
                  <c:v>43215.655671296299</c:v>
                </c:pt>
                <c:pt idx="547">
                  <c:v>43215.614039351851</c:v>
                </c:pt>
                <c:pt idx="548">
                  <c:v>43215.572418981479</c:v>
                </c:pt>
                <c:pt idx="549">
                  <c:v>43215.530775462961</c:v>
                </c:pt>
                <c:pt idx="550">
                  <c:v>43215.489155092589</c:v>
                </c:pt>
                <c:pt idx="551">
                  <c:v>43215.447534722225</c:v>
                </c:pt>
                <c:pt idx="552">
                  <c:v>43215.405902777777</c:v>
                </c:pt>
                <c:pt idx="553">
                  <c:v>43215.364282407405</c:v>
                </c:pt>
                <c:pt idx="554">
                  <c:v>43215.322638888887</c:v>
                </c:pt>
                <c:pt idx="555">
                  <c:v>43215.281030092592</c:v>
                </c:pt>
                <c:pt idx="556">
                  <c:v>43215.239421296297</c:v>
                </c:pt>
                <c:pt idx="557">
                  <c:v>43215.197777777779</c:v>
                </c:pt>
                <c:pt idx="558">
                  <c:v>43215.156134259261</c:v>
                </c:pt>
                <c:pt idx="559">
                  <c:v>43215.114502314813</c:v>
                </c:pt>
                <c:pt idx="560">
                  <c:v>43215.072870370372</c:v>
                </c:pt>
                <c:pt idx="561">
                  <c:v>43215.031238425923</c:v>
                </c:pt>
                <c:pt idx="562">
                  <c:v>43214.989583333336</c:v>
                </c:pt>
                <c:pt idx="563">
                  <c:v>43214.94798611111</c:v>
                </c:pt>
                <c:pt idx="564">
                  <c:v>43214.906365740739</c:v>
                </c:pt>
                <c:pt idx="565">
                  <c:v>43214.86478009259</c:v>
                </c:pt>
                <c:pt idx="566">
                  <c:v>43214.823159722226</c:v>
                </c:pt>
                <c:pt idx="567">
                  <c:v>43214.781597222223</c:v>
                </c:pt>
                <c:pt idx="568">
                  <c:v>43214.739976851852</c:v>
                </c:pt>
                <c:pt idx="569">
                  <c:v>43214.698379629626</c:v>
                </c:pt>
                <c:pt idx="570">
                  <c:v>43214.656770833331</c:v>
                </c:pt>
                <c:pt idx="571">
                  <c:v>43214.61515046296</c:v>
                </c:pt>
                <c:pt idx="572">
                  <c:v>43214.573553240742</c:v>
                </c:pt>
                <c:pt idx="573">
                  <c:v>43214.531956018516</c:v>
                </c:pt>
                <c:pt idx="574">
                  <c:v>43214.490324074075</c:v>
                </c:pt>
                <c:pt idx="575">
                  <c:v>43214.448680555557</c:v>
                </c:pt>
                <c:pt idx="576">
                  <c:v>43214.407071759262</c:v>
                </c:pt>
                <c:pt idx="577">
                  <c:v>43214.365428240744</c:v>
                </c:pt>
                <c:pt idx="578">
                  <c:v>43214.323807870373</c:v>
                </c:pt>
                <c:pt idx="579">
                  <c:v>43214.282175925924</c:v>
                </c:pt>
                <c:pt idx="580">
                  <c:v>43214.240567129629</c:v>
                </c:pt>
                <c:pt idx="581">
                  <c:v>43214.198935185188</c:v>
                </c:pt>
                <c:pt idx="582">
                  <c:v>43214.15729166667</c:v>
                </c:pt>
                <c:pt idx="583">
                  <c:v>43214.115648148145</c:v>
                </c:pt>
                <c:pt idx="584">
                  <c:v>43214.07402777778</c:v>
                </c:pt>
                <c:pt idx="585">
                  <c:v>43214.032442129632</c:v>
                </c:pt>
                <c:pt idx="586">
                  <c:v>43213.990810185183</c:v>
                </c:pt>
                <c:pt idx="587">
                  <c:v>43213.949201388888</c:v>
                </c:pt>
                <c:pt idx="588">
                  <c:v>43213.907581018517</c:v>
                </c:pt>
                <c:pt idx="589">
                  <c:v>43213.865960648145</c:v>
                </c:pt>
                <c:pt idx="590">
                  <c:v>43213.824340277781</c:v>
                </c:pt>
                <c:pt idx="591">
                  <c:v>43213.782696759263</c:v>
                </c:pt>
                <c:pt idx="592">
                  <c:v>43213.741053240738</c:v>
                </c:pt>
                <c:pt idx="593">
                  <c:v>43213.524756944447</c:v>
                </c:pt>
                <c:pt idx="594">
                  <c:v>43213.483113425929</c:v>
                </c:pt>
                <c:pt idx="595">
                  <c:v>43213.441493055558</c:v>
                </c:pt>
                <c:pt idx="596">
                  <c:v>43213.399872685186</c:v>
                </c:pt>
                <c:pt idx="597">
                  <c:v>43213.358229166668</c:v>
                </c:pt>
                <c:pt idx="598">
                  <c:v>43213.31659722222</c:v>
                </c:pt>
                <c:pt idx="599">
                  <c:v>43213.274942129632</c:v>
                </c:pt>
                <c:pt idx="600">
                  <c:v>43213.233298611114</c:v>
                </c:pt>
                <c:pt idx="601">
                  <c:v>43213.191689814812</c:v>
                </c:pt>
                <c:pt idx="602">
                  <c:v>43213.150185185186</c:v>
                </c:pt>
                <c:pt idx="603">
                  <c:v>43213.108541666668</c:v>
                </c:pt>
                <c:pt idx="604">
                  <c:v>43213.066979166666</c:v>
                </c:pt>
                <c:pt idx="605">
                  <c:v>43213.025381944448</c:v>
                </c:pt>
                <c:pt idx="606">
                  <c:v>43212.983831018515</c:v>
                </c:pt>
                <c:pt idx="607">
                  <c:v>43212.942245370374</c:v>
                </c:pt>
                <c:pt idx="608">
                  <c:v>43212.900717592594</c:v>
                </c:pt>
                <c:pt idx="609">
                  <c:v>43212.859143518515</c:v>
                </c:pt>
                <c:pt idx="610">
                  <c:v>43212.81753472222</c:v>
                </c:pt>
                <c:pt idx="611">
                  <c:v>43212.775902777779</c:v>
                </c:pt>
                <c:pt idx="612">
                  <c:v>43212.734259259261</c:v>
                </c:pt>
                <c:pt idx="613">
                  <c:v>43212.692673611113</c:v>
                </c:pt>
                <c:pt idx="614">
                  <c:v>43212.65111111111</c:v>
                </c:pt>
                <c:pt idx="615">
                  <c:v>43212.609606481485</c:v>
                </c:pt>
                <c:pt idx="616">
                  <c:v>43212.568078703705</c:v>
                </c:pt>
                <c:pt idx="617">
                  <c:v>43212.526423611111</c:v>
                </c:pt>
                <c:pt idx="618">
                  <c:v>43212.484803240739</c:v>
                </c:pt>
                <c:pt idx="619">
                  <c:v>43212.44321759259</c:v>
                </c:pt>
                <c:pt idx="620">
                  <c:v>43212.401689814818</c:v>
                </c:pt>
                <c:pt idx="621">
                  <c:v>43212.36005787037</c:v>
                </c:pt>
                <c:pt idx="622">
                  <c:v>43212.318472222221</c:v>
                </c:pt>
                <c:pt idx="623">
                  <c:v>43212.276828703703</c:v>
                </c:pt>
                <c:pt idx="624">
                  <c:v>43212.235208333332</c:v>
                </c:pt>
                <c:pt idx="625">
                  <c:v>43212.19358796296</c:v>
                </c:pt>
                <c:pt idx="626">
                  <c:v>43212.152002314811</c:v>
                </c:pt>
                <c:pt idx="627">
                  <c:v>43212.110405092593</c:v>
                </c:pt>
                <c:pt idx="628">
                  <c:v>43212.068877314814</c:v>
                </c:pt>
                <c:pt idx="629">
                  <c:v>43212.027256944442</c:v>
                </c:pt>
                <c:pt idx="630">
                  <c:v>43211.985659722224</c:v>
                </c:pt>
                <c:pt idx="631">
                  <c:v>43211.944062499999</c:v>
                </c:pt>
                <c:pt idx="632">
                  <c:v>43211.902511574073</c:v>
                </c:pt>
                <c:pt idx="633">
                  <c:v>43211.860902777778</c:v>
                </c:pt>
                <c:pt idx="634">
                  <c:v>43211.81931712963</c:v>
                </c:pt>
                <c:pt idx="635">
                  <c:v>43211.777719907404</c:v>
                </c:pt>
                <c:pt idx="636">
                  <c:v>43211.736122685186</c:v>
                </c:pt>
                <c:pt idx="637">
                  <c:v>43211.694490740738</c:v>
                </c:pt>
                <c:pt idx="638">
                  <c:v>43211.652881944443</c:v>
                </c:pt>
                <c:pt idx="639">
                  <c:v>43211.611250000002</c:v>
                </c:pt>
                <c:pt idx="640">
                  <c:v>43211.569675925923</c:v>
                </c:pt>
                <c:pt idx="641">
                  <c:v>43211.528124999997</c:v>
                </c:pt>
                <c:pt idx="642">
                  <c:v>43211.486516203702</c:v>
                </c:pt>
                <c:pt idx="643">
                  <c:v>43211.44494212963</c:v>
                </c:pt>
                <c:pt idx="644">
                  <c:v>43211.403321759259</c:v>
                </c:pt>
                <c:pt idx="645">
                  <c:v>43211.361712962964</c:v>
                </c:pt>
                <c:pt idx="646">
                  <c:v>43211.320115740738</c:v>
                </c:pt>
                <c:pt idx="647">
                  <c:v>43211.278506944444</c:v>
                </c:pt>
                <c:pt idx="648">
                  <c:v>43211.236851851849</c:v>
                </c:pt>
                <c:pt idx="649">
                  <c:v>43211.1952662037</c:v>
                </c:pt>
                <c:pt idx="650">
                  <c:v>43211.153645833336</c:v>
                </c:pt>
                <c:pt idx="651">
                  <c:v>43211.112164351849</c:v>
                </c:pt>
                <c:pt idx="652">
                  <c:v>43211.070567129631</c:v>
                </c:pt>
                <c:pt idx="653">
                  <c:v>43211.028981481482</c:v>
                </c:pt>
                <c:pt idx="654">
                  <c:v>43210.987442129626</c:v>
                </c:pt>
                <c:pt idx="655">
                  <c:v>43210.945798611108</c:v>
                </c:pt>
                <c:pt idx="656">
                  <c:v>43210.90425925926</c:v>
                </c:pt>
                <c:pt idx="657">
                  <c:v>43210.862627314818</c:v>
                </c:pt>
                <c:pt idx="658">
                  <c:v>43210.820983796293</c:v>
                </c:pt>
                <c:pt idx="659">
                  <c:v>43210.779351851852</c:v>
                </c:pt>
                <c:pt idx="660">
                  <c:v>43210.737743055557</c:v>
                </c:pt>
                <c:pt idx="661">
                  <c:v>43210.696087962962</c:v>
                </c:pt>
                <c:pt idx="662">
                  <c:v>43210.654502314814</c:v>
                </c:pt>
                <c:pt idx="663">
                  <c:v>43210.612905092596</c:v>
                </c:pt>
                <c:pt idx="664">
                  <c:v>43210.571319444447</c:v>
                </c:pt>
                <c:pt idx="665">
                  <c:v>43210.529687499999</c:v>
                </c:pt>
                <c:pt idx="666">
                  <c:v>43210.488125000003</c:v>
                </c:pt>
                <c:pt idx="667">
                  <c:v>43210.446527777778</c:v>
                </c:pt>
                <c:pt idx="668">
                  <c:v>43210.40488425926</c:v>
                </c:pt>
                <c:pt idx="669">
                  <c:v>43210.363263888888</c:v>
                </c:pt>
                <c:pt idx="670">
                  <c:v>43210.321712962963</c:v>
                </c:pt>
                <c:pt idx="671">
                  <c:v>43210.280104166668</c:v>
                </c:pt>
                <c:pt idx="672">
                  <c:v>43210.238483796296</c:v>
                </c:pt>
                <c:pt idx="673">
                  <c:v>43210.196863425925</c:v>
                </c:pt>
                <c:pt idx="674">
                  <c:v>43210.155347222222</c:v>
                </c:pt>
                <c:pt idx="675">
                  <c:v>43210.11383101852</c:v>
                </c:pt>
                <c:pt idx="676">
                  <c:v>43210.072222222225</c:v>
                </c:pt>
                <c:pt idx="677">
                  <c:v>43210.030671296299</c:v>
                </c:pt>
                <c:pt idx="678">
                  <c:v>43209.989062499997</c:v>
                </c:pt>
                <c:pt idx="679">
                  <c:v>43209.947488425925</c:v>
                </c:pt>
                <c:pt idx="680">
                  <c:v>43209.905914351853</c:v>
                </c:pt>
                <c:pt idx="681">
                  <c:v>43209.864340277774</c:v>
                </c:pt>
                <c:pt idx="682">
                  <c:v>43209.822731481479</c:v>
                </c:pt>
                <c:pt idx="683">
                  <c:v>43209.781087962961</c:v>
                </c:pt>
                <c:pt idx="684">
                  <c:v>43209.73945601852</c:v>
                </c:pt>
                <c:pt idx="685">
                  <c:v>43209.697824074072</c:v>
                </c:pt>
                <c:pt idx="686">
                  <c:v>43209.656192129631</c:v>
                </c:pt>
                <c:pt idx="687">
                  <c:v>43209.406736111108</c:v>
                </c:pt>
                <c:pt idx="688">
                  <c:v>43209.281828703701</c:v>
                </c:pt>
                <c:pt idx="689">
                  <c:v>43209.240231481483</c:v>
                </c:pt>
                <c:pt idx="690">
                  <c:v>43209.198599537034</c:v>
                </c:pt>
                <c:pt idx="691">
                  <c:v>43209.15697916667</c:v>
                </c:pt>
                <c:pt idx="692">
                  <c:v>43209.115381944444</c:v>
                </c:pt>
                <c:pt idx="693">
                  <c:v>43209.032175925924</c:v>
                </c:pt>
                <c:pt idx="694">
                  <c:v>43208.990532407406</c:v>
                </c:pt>
                <c:pt idx="695">
                  <c:v>43208.907268518517</c:v>
                </c:pt>
                <c:pt idx="696">
                  <c:v>43208.740752314814</c:v>
                </c:pt>
                <c:pt idx="697">
                  <c:v>43208.699143518519</c:v>
                </c:pt>
                <c:pt idx="698">
                  <c:v>43208.657557870371</c:v>
                </c:pt>
                <c:pt idx="699">
                  <c:v>43208.615937499999</c:v>
                </c:pt>
                <c:pt idx="700">
                  <c:v>43208.574317129627</c:v>
                </c:pt>
                <c:pt idx="701">
                  <c:v>43208.53266203704</c:v>
                </c:pt>
                <c:pt idx="702">
                  <c:v>43208.491041666668</c:v>
                </c:pt>
                <c:pt idx="703">
                  <c:v>43208.44940972222</c:v>
                </c:pt>
                <c:pt idx="704">
                  <c:v>43208.407754629632</c:v>
                </c:pt>
                <c:pt idx="705">
                  <c:v>43208.366157407407</c:v>
                </c:pt>
                <c:pt idx="706">
                  <c:v>43208.324537037035</c:v>
                </c:pt>
                <c:pt idx="707">
                  <c:v>43208.282916666663</c:v>
                </c:pt>
                <c:pt idx="708">
                  <c:v>43208.241284722222</c:v>
                </c:pt>
                <c:pt idx="709">
                  <c:v>43208.199664351851</c:v>
                </c:pt>
                <c:pt idx="710">
                  <c:v>43208.158032407409</c:v>
                </c:pt>
                <c:pt idx="711">
                  <c:v>43208.033125000002</c:v>
                </c:pt>
                <c:pt idx="712">
                  <c:v>43207.991516203707</c:v>
                </c:pt>
                <c:pt idx="713">
                  <c:v>43207.949930555558</c:v>
                </c:pt>
                <c:pt idx="714">
                  <c:v>43207.825023148151</c:v>
                </c:pt>
                <c:pt idx="715">
                  <c:v>43207.783391203702</c:v>
                </c:pt>
                <c:pt idx="716">
                  <c:v>43207.741759259261</c:v>
                </c:pt>
                <c:pt idx="717">
                  <c:v>43207.616886574076</c:v>
                </c:pt>
                <c:pt idx="718">
                  <c:v>43207.575277777774</c:v>
                </c:pt>
                <c:pt idx="719">
                  <c:v>43207.533645833333</c:v>
                </c:pt>
                <c:pt idx="720">
                  <c:v>43207.492025462961</c:v>
                </c:pt>
                <c:pt idx="721">
                  <c:v>43207.408784722225</c:v>
                </c:pt>
                <c:pt idx="722">
                  <c:v>43207.367152777777</c:v>
                </c:pt>
                <c:pt idx="723">
                  <c:v>43207.325532407405</c:v>
                </c:pt>
                <c:pt idx="724">
                  <c:v>43207.242256944446</c:v>
                </c:pt>
                <c:pt idx="725">
                  <c:v>43207.15896990741</c:v>
                </c:pt>
                <c:pt idx="726">
                  <c:v>43207.117326388892</c:v>
                </c:pt>
                <c:pt idx="727">
                  <c:v>43207.075729166667</c:v>
                </c:pt>
                <c:pt idx="728">
                  <c:v>43207.034074074072</c:v>
                </c:pt>
                <c:pt idx="729">
                  <c:v>43206.992476851854</c:v>
                </c:pt>
                <c:pt idx="730">
                  <c:v>43206.825960648152</c:v>
                </c:pt>
                <c:pt idx="731">
                  <c:v>43206.784328703703</c:v>
                </c:pt>
                <c:pt idx="732">
                  <c:v>43206.742685185185</c:v>
                </c:pt>
                <c:pt idx="733">
                  <c:v>43206.576226851852</c:v>
                </c:pt>
                <c:pt idx="734">
                  <c:v>43206.53460648148</c:v>
                </c:pt>
                <c:pt idx="735">
                  <c:v>43206.451377314814</c:v>
                </c:pt>
                <c:pt idx="736">
                  <c:v>43206.409756944442</c:v>
                </c:pt>
                <c:pt idx="737">
                  <c:v>43206.368136574078</c:v>
                </c:pt>
                <c:pt idx="738">
                  <c:v>43206.326527777775</c:v>
                </c:pt>
                <c:pt idx="739">
                  <c:v>43206.284907407404</c:v>
                </c:pt>
                <c:pt idx="740">
                  <c:v>43206.243287037039</c:v>
                </c:pt>
                <c:pt idx="741">
                  <c:v>43206.201643518521</c:v>
                </c:pt>
                <c:pt idx="742">
                  <c:v>43206.160011574073</c:v>
                </c:pt>
                <c:pt idx="743">
                  <c:v>43206.076770833337</c:v>
                </c:pt>
                <c:pt idx="744">
                  <c:v>43206.035138888888</c:v>
                </c:pt>
                <c:pt idx="745">
                  <c:v>43205.99355324074</c:v>
                </c:pt>
                <c:pt idx="746">
                  <c:v>43205.951944444445</c:v>
                </c:pt>
                <c:pt idx="747">
                  <c:v>43205.868703703702</c:v>
                </c:pt>
                <c:pt idx="748">
                  <c:v>43205.827094907407</c:v>
                </c:pt>
                <c:pt idx="749">
                  <c:v>43205.785486111112</c:v>
                </c:pt>
                <c:pt idx="750">
                  <c:v>43205.743854166663</c:v>
                </c:pt>
                <c:pt idx="751">
                  <c:v>43205.702222222222</c:v>
                </c:pt>
                <c:pt idx="752">
                  <c:v>43205.660590277781</c:v>
                </c:pt>
                <c:pt idx="753">
                  <c:v>43205.618946759256</c:v>
                </c:pt>
                <c:pt idx="754">
                  <c:v>43205.535821759258</c:v>
                </c:pt>
                <c:pt idx="755">
                  <c:v>43205.494155092594</c:v>
                </c:pt>
                <c:pt idx="756">
                  <c:v>43205.452523148146</c:v>
                </c:pt>
                <c:pt idx="757">
                  <c:v>43205.410879629628</c:v>
                </c:pt>
                <c:pt idx="758">
                  <c:v>43205.369247685187</c:v>
                </c:pt>
                <c:pt idx="759">
                  <c:v>43205.286030092589</c:v>
                </c:pt>
                <c:pt idx="760">
                  <c:v>43205.244375000002</c:v>
                </c:pt>
                <c:pt idx="761">
                  <c:v>43205.202800925923</c:v>
                </c:pt>
                <c:pt idx="762">
                  <c:v>43205.161145833335</c:v>
                </c:pt>
                <c:pt idx="763">
                  <c:v>43205.119525462964</c:v>
                </c:pt>
                <c:pt idx="764">
                  <c:v>43205.077939814815</c:v>
                </c:pt>
                <c:pt idx="765">
                  <c:v>43205.036435185182</c:v>
                </c:pt>
                <c:pt idx="766">
                  <c:v>43204.995011574072</c:v>
                </c:pt>
                <c:pt idx="767">
                  <c:v>43204.911840277775</c:v>
                </c:pt>
                <c:pt idx="768">
                  <c:v>43204.828611111108</c:v>
                </c:pt>
                <c:pt idx="769">
                  <c:v>43204.745358796295</c:v>
                </c:pt>
                <c:pt idx="770">
                  <c:v>43204.620451388888</c:v>
                </c:pt>
                <c:pt idx="771">
                  <c:v>43204.537199074075</c:v>
                </c:pt>
                <c:pt idx="772">
                  <c:v>43204.453981481478</c:v>
                </c:pt>
                <c:pt idx="773">
                  <c:v>43204.41233796296</c:v>
                </c:pt>
                <c:pt idx="774">
                  <c:v>43204.370752314811</c:v>
                </c:pt>
                <c:pt idx="775">
                  <c:v>43204.287627314814</c:v>
                </c:pt>
                <c:pt idx="776">
                  <c:v>43204.204386574071</c:v>
                </c:pt>
                <c:pt idx="777">
                  <c:v>43204.162835648145</c:v>
                </c:pt>
                <c:pt idx="778">
                  <c:v>43204.121180555558</c:v>
                </c:pt>
                <c:pt idx="779">
                  <c:v>43204.03806712963</c:v>
                </c:pt>
                <c:pt idx="780">
                  <c:v>43203.996423611112</c:v>
                </c:pt>
                <c:pt idx="781">
                  <c:v>43203.954918981479</c:v>
                </c:pt>
                <c:pt idx="782">
                  <c:v>43203.913310185184</c:v>
                </c:pt>
                <c:pt idx="783">
                  <c:v>43203.871701388889</c:v>
                </c:pt>
                <c:pt idx="784">
                  <c:v>43203.830069444448</c:v>
                </c:pt>
                <c:pt idx="785">
                  <c:v>43203.788460648146</c:v>
                </c:pt>
                <c:pt idx="786">
                  <c:v>43203.746828703705</c:v>
                </c:pt>
                <c:pt idx="787">
                  <c:v>43203.705196759256</c:v>
                </c:pt>
                <c:pt idx="788">
                  <c:v>43203.62195601852</c:v>
                </c:pt>
                <c:pt idx="789">
                  <c:v>43203.580324074072</c:v>
                </c:pt>
                <c:pt idx="790">
                  <c:v>43203.497129629628</c:v>
                </c:pt>
                <c:pt idx="791">
                  <c:v>43203.413854166669</c:v>
                </c:pt>
                <c:pt idx="792">
                  <c:v>43203.37222222222</c:v>
                </c:pt>
                <c:pt idx="793">
                  <c:v>43203.288981481484</c:v>
                </c:pt>
                <c:pt idx="794">
                  <c:v>43203.247361111113</c:v>
                </c:pt>
                <c:pt idx="795">
                  <c:v>43203.080891203703</c:v>
                </c:pt>
                <c:pt idx="796">
                  <c:v>43203.039340277777</c:v>
                </c:pt>
                <c:pt idx="797">
                  <c:v>43202.997685185182</c:v>
                </c:pt>
                <c:pt idx="798">
                  <c:v>43202.956076388888</c:v>
                </c:pt>
                <c:pt idx="799">
                  <c:v>43202.914467592593</c:v>
                </c:pt>
                <c:pt idx="800">
                  <c:v>43202.872881944444</c:v>
                </c:pt>
                <c:pt idx="801">
                  <c:v>43202.831273148149</c:v>
                </c:pt>
                <c:pt idx="802">
                  <c:v>43202.789629629631</c:v>
                </c:pt>
                <c:pt idx="803">
                  <c:v>43202.747997685183</c:v>
                </c:pt>
                <c:pt idx="804">
                  <c:v>43202.664733796293</c:v>
                </c:pt>
                <c:pt idx="805">
                  <c:v>43202.623124999998</c:v>
                </c:pt>
                <c:pt idx="806">
                  <c:v>43202.581504629627</c:v>
                </c:pt>
                <c:pt idx="807">
                  <c:v>43202.581504629627</c:v>
                </c:pt>
                <c:pt idx="808">
                  <c:v>43202.539884259262</c:v>
                </c:pt>
                <c:pt idx="809">
                  <c:v>43202.456712962965</c:v>
                </c:pt>
                <c:pt idx="810">
                  <c:v>43202.331828703704</c:v>
                </c:pt>
                <c:pt idx="811">
                  <c:v>43202.248622685183</c:v>
                </c:pt>
                <c:pt idx="812">
                  <c:v>43202.206967592596</c:v>
                </c:pt>
                <c:pt idx="813">
                  <c:v>43202.04047453704</c:v>
                </c:pt>
                <c:pt idx="814">
                  <c:v>43201.957256944443</c:v>
                </c:pt>
                <c:pt idx="815">
                  <c:v>43201.915613425925</c:v>
                </c:pt>
                <c:pt idx="816">
                  <c:v>43201.874062499999</c:v>
                </c:pt>
                <c:pt idx="817">
                  <c:v>43201.832453703704</c:v>
                </c:pt>
                <c:pt idx="818">
                  <c:v>43201.790810185186</c:v>
                </c:pt>
                <c:pt idx="819">
                  <c:v>43201.750358796293</c:v>
                </c:pt>
                <c:pt idx="820">
                  <c:v>43201.541076388887</c:v>
                </c:pt>
                <c:pt idx="821">
                  <c:v>43201.499537037038</c:v>
                </c:pt>
                <c:pt idx="822">
                  <c:v>43201.416319444441</c:v>
                </c:pt>
                <c:pt idx="823">
                  <c:v>43201.374745370369</c:v>
                </c:pt>
                <c:pt idx="824">
                  <c:v>43201.208437499998</c:v>
                </c:pt>
                <c:pt idx="825">
                  <c:v>43201.166898148149</c:v>
                </c:pt>
                <c:pt idx="826">
                  <c:v>43201.083703703705</c:v>
                </c:pt>
                <c:pt idx="827">
                  <c:v>43200.875821759262</c:v>
                </c:pt>
                <c:pt idx="828">
                  <c:v>43200.792569444442</c:v>
                </c:pt>
                <c:pt idx="829">
                  <c:v>43200.750937500001</c:v>
                </c:pt>
                <c:pt idx="830">
                  <c:v>43200.709317129629</c:v>
                </c:pt>
                <c:pt idx="831">
                  <c:v>43200.667673611111</c:v>
                </c:pt>
                <c:pt idx="832">
                  <c:v>43200.62604166667</c:v>
                </c:pt>
                <c:pt idx="833">
                  <c:v>43200.584421296298</c:v>
                </c:pt>
                <c:pt idx="834">
                  <c:v>43200.54278935185</c:v>
                </c:pt>
                <c:pt idx="835">
                  <c:v>43200.501168981478</c:v>
                </c:pt>
                <c:pt idx="836">
                  <c:v>43200.459537037037</c:v>
                </c:pt>
                <c:pt idx="837">
                  <c:v>43200.417893518519</c:v>
                </c:pt>
                <c:pt idx="838">
                  <c:v>43200.376273148147</c:v>
                </c:pt>
                <c:pt idx="839">
                  <c:v>43200.334664351853</c:v>
                </c:pt>
                <c:pt idx="840">
                  <c:v>43200.293032407404</c:v>
                </c:pt>
                <c:pt idx="841">
                  <c:v>43200.251400462963</c:v>
                </c:pt>
                <c:pt idx="842">
                  <c:v>43200.209814814814</c:v>
                </c:pt>
                <c:pt idx="843">
                  <c:v>43200.168171296296</c:v>
                </c:pt>
                <c:pt idx="844">
                  <c:v>43200.126574074071</c:v>
                </c:pt>
                <c:pt idx="845">
                  <c:v>43200.043333333335</c:v>
                </c:pt>
                <c:pt idx="846">
                  <c:v>43200.001689814817</c:v>
                </c:pt>
                <c:pt idx="847">
                  <c:v>43199.960081018522</c:v>
                </c:pt>
                <c:pt idx="848">
                  <c:v>43199.876840277779</c:v>
                </c:pt>
                <c:pt idx="849">
                  <c:v>43199.835347222222</c:v>
                </c:pt>
                <c:pt idx="850">
                  <c:v>43199.793738425928</c:v>
                </c:pt>
                <c:pt idx="851">
                  <c:v>43199.710486111115</c:v>
                </c:pt>
                <c:pt idx="852">
                  <c:v>43199.668842592589</c:v>
                </c:pt>
                <c:pt idx="853">
                  <c:v>43199.627199074072</c:v>
                </c:pt>
                <c:pt idx="854">
                  <c:v>43199.460694444446</c:v>
                </c:pt>
                <c:pt idx="855">
                  <c:v>43199.419131944444</c:v>
                </c:pt>
                <c:pt idx="856">
                  <c:v>43199.377534722225</c:v>
                </c:pt>
                <c:pt idx="857">
                  <c:v>43199.3359837963</c:v>
                </c:pt>
                <c:pt idx="858">
                  <c:v>43199.294374999998</c:v>
                </c:pt>
                <c:pt idx="859">
                  <c:v>43199.252789351849</c:v>
                </c:pt>
                <c:pt idx="860">
                  <c:v>43199.211180555554</c:v>
                </c:pt>
                <c:pt idx="861">
                  <c:v>43199.169594907406</c:v>
                </c:pt>
                <c:pt idx="862">
                  <c:v>43199.127951388888</c:v>
                </c:pt>
                <c:pt idx="863">
                  <c:v>43199.086331018516</c:v>
                </c:pt>
                <c:pt idx="864">
                  <c:v>43199.003148148149</c:v>
                </c:pt>
                <c:pt idx="865">
                  <c:v>43198.961504629631</c:v>
                </c:pt>
                <c:pt idx="866">
                  <c:v>43198.91988425926</c:v>
                </c:pt>
                <c:pt idx="867">
                  <c:v>43198.878263888888</c:v>
                </c:pt>
                <c:pt idx="868">
                  <c:v>43198.836678240739</c:v>
                </c:pt>
                <c:pt idx="869">
                  <c:v>43198.795046296298</c:v>
                </c:pt>
                <c:pt idx="870">
                  <c:v>43198.753391203703</c:v>
                </c:pt>
                <c:pt idx="871">
                  <c:v>43198.711782407408</c:v>
                </c:pt>
                <c:pt idx="872">
                  <c:v>43198.628530092596</c:v>
                </c:pt>
                <c:pt idx="873">
                  <c:v>43198.586898148147</c:v>
                </c:pt>
                <c:pt idx="874">
                  <c:v>43198.545289351852</c:v>
                </c:pt>
                <c:pt idx="875">
                  <c:v>43198.503668981481</c:v>
                </c:pt>
                <c:pt idx="876">
                  <c:v>43198.462037037039</c:v>
                </c:pt>
                <c:pt idx="877">
                  <c:v>43198.378796296296</c:v>
                </c:pt>
                <c:pt idx="878">
                  <c:v>43198.253946759258</c:v>
                </c:pt>
                <c:pt idx="879">
                  <c:v>43198.21230324074</c:v>
                </c:pt>
                <c:pt idx="880">
                  <c:v>43198.170659722222</c:v>
                </c:pt>
                <c:pt idx="881">
                  <c:v>43198.12908564815</c:v>
                </c:pt>
                <c:pt idx="882">
                  <c:v>43198.087453703702</c:v>
                </c:pt>
                <c:pt idx="883">
                  <c:v>43198.04583333333</c:v>
                </c:pt>
                <c:pt idx="884">
                  <c:v>43197.962581018517</c:v>
                </c:pt>
                <c:pt idx="885">
                  <c:v>43197.920949074076</c:v>
                </c:pt>
                <c:pt idx="886">
                  <c:v>43197.879317129627</c:v>
                </c:pt>
                <c:pt idx="887">
                  <c:v>43197.837685185186</c:v>
                </c:pt>
                <c:pt idx="888">
                  <c:v>43197.796053240738</c:v>
                </c:pt>
                <c:pt idx="889">
                  <c:v>43197.75440972222</c:v>
                </c:pt>
                <c:pt idx="890">
                  <c:v>43197.712777777779</c:v>
                </c:pt>
                <c:pt idx="891">
                  <c:v>43197.67114583333</c:v>
                </c:pt>
                <c:pt idx="892">
                  <c:v>43197.629502314812</c:v>
                </c:pt>
                <c:pt idx="893">
                  <c:v>43197.587905092594</c:v>
                </c:pt>
                <c:pt idx="894">
                  <c:v>43197.546273148146</c:v>
                </c:pt>
                <c:pt idx="895">
                  <c:v>43197.421412037038</c:v>
                </c:pt>
                <c:pt idx="896">
                  <c:v>43197.379837962966</c:v>
                </c:pt>
                <c:pt idx="897">
                  <c:v>43197.2966087963</c:v>
                </c:pt>
                <c:pt idx="898">
                  <c:v>43197.254976851851</c:v>
                </c:pt>
                <c:pt idx="899">
                  <c:v>43197.213356481479</c:v>
                </c:pt>
                <c:pt idx="900">
                  <c:v>43197.13009259259</c:v>
                </c:pt>
                <c:pt idx="901">
                  <c:v>43197.088460648149</c:v>
                </c:pt>
                <c:pt idx="902">
                  <c:v>43197.0468287037</c:v>
                </c:pt>
                <c:pt idx="903">
                  <c:v>43197.005185185182</c:v>
                </c:pt>
                <c:pt idx="904">
                  <c:v>43196.963599537034</c:v>
                </c:pt>
                <c:pt idx="905">
                  <c:v>43196.921979166669</c:v>
                </c:pt>
                <c:pt idx="906">
                  <c:v>43196.880358796298</c:v>
                </c:pt>
                <c:pt idx="907">
                  <c:v>43196.838761574072</c:v>
                </c:pt>
                <c:pt idx="908">
                  <c:v>43196.755474537036</c:v>
                </c:pt>
                <c:pt idx="909">
                  <c:v>43196.713842592595</c:v>
                </c:pt>
                <c:pt idx="910">
                  <c:v>43196.672222222223</c:v>
                </c:pt>
                <c:pt idx="911">
                  <c:v>43196.630578703705</c:v>
                </c:pt>
                <c:pt idx="912">
                  <c:v>43196.50582175926</c:v>
                </c:pt>
                <c:pt idx="913">
                  <c:v>43196.464178240742</c:v>
                </c:pt>
                <c:pt idx="914">
                  <c:v>43196.297766203701</c:v>
                </c:pt>
                <c:pt idx="915">
                  <c:v>43196.25613425926</c:v>
                </c:pt>
                <c:pt idx="916">
                  <c:v>43196.172905092593</c:v>
                </c:pt>
                <c:pt idx="917">
                  <c:v>43196.131273148145</c:v>
                </c:pt>
                <c:pt idx="918">
                  <c:v>43196.048043981478</c:v>
                </c:pt>
                <c:pt idx="919">
                  <c:v>43196.00644675926</c:v>
                </c:pt>
                <c:pt idx="920">
                  <c:v>43195.964849537035</c:v>
                </c:pt>
                <c:pt idx="921">
                  <c:v>43195.756712962961</c:v>
                </c:pt>
                <c:pt idx="922">
                  <c:v>43195.715092592596</c:v>
                </c:pt>
                <c:pt idx="923">
                  <c:v>43195.673449074071</c:v>
                </c:pt>
                <c:pt idx="924">
                  <c:v>43195.631840277776</c:v>
                </c:pt>
                <c:pt idx="925">
                  <c:v>43195.46533564815</c:v>
                </c:pt>
                <c:pt idx="926">
                  <c:v>43195.340439814812</c:v>
                </c:pt>
                <c:pt idx="927">
                  <c:v>43195.298819444448</c:v>
                </c:pt>
                <c:pt idx="928">
                  <c:v>43195.257210648146</c:v>
                </c:pt>
                <c:pt idx="929">
                  <c:v>43195.215590277781</c:v>
                </c:pt>
                <c:pt idx="930">
                  <c:v>43195.173946759256</c:v>
                </c:pt>
                <c:pt idx="931">
                  <c:v>43195.09065972222</c:v>
                </c:pt>
                <c:pt idx="932">
                  <c:v>43195.049027777779</c:v>
                </c:pt>
                <c:pt idx="933">
                  <c:v>43195.007418981484</c:v>
                </c:pt>
                <c:pt idx="934">
                  <c:v>43194.924178240741</c:v>
                </c:pt>
                <c:pt idx="935">
                  <c:v>43194.757673611108</c:v>
                </c:pt>
                <c:pt idx="936">
                  <c:v>43194.716041666667</c:v>
                </c:pt>
                <c:pt idx="937">
                  <c:v>43194.674398148149</c:v>
                </c:pt>
                <c:pt idx="938">
                  <c:v>43194.591157407405</c:v>
                </c:pt>
                <c:pt idx="939">
                  <c:v>43194.549571759257</c:v>
                </c:pt>
                <c:pt idx="940">
                  <c:v>43194.466400462959</c:v>
                </c:pt>
                <c:pt idx="941">
                  <c:v>43194.424756944441</c:v>
                </c:pt>
                <c:pt idx="942">
                  <c:v>43194.383206018516</c:v>
                </c:pt>
                <c:pt idx="943">
                  <c:v>43194.217094907406</c:v>
                </c:pt>
                <c:pt idx="944">
                  <c:v>43194.17560185185</c:v>
                </c:pt>
                <c:pt idx="945">
                  <c:v>43194.134062500001</c:v>
                </c:pt>
                <c:pt idx="946">
                  <c:v>43194.092488425929</c:v>
                </c:pt>
                <c:pt idx="947">
                  <c:v>43194.009386574071</c:v>
                </c:pt>
                <c:pt idx="948">
                  <c:v>43193.967812499999</c:v>
                </c:pt>
                <c:pt idx="949">
                  <c:v>43193.843032407407</c:v>
                </c:pt>
                <c:pt idx="950">
                  <c:v>43193.801458333335</c:v>
                </c:pt>
                <c:pt idx="951">
                  <c:v>43193.759837962964</c:v>
                </c:pt>
                <c:pt idx="952">
                  <c:v>43193.718206018515</c:v>
                </c:pt>
                <c:pt idx="953">
                  <c:v>43193.676550925928</c:v>
                </c:pt>
                <c:pt idx="954">
                  <c:v>43193.635115740741</c:v>
                </c:pt>
                <c:pt idx="955">
                  <c:v>43193.593530092592</c:v>
                </c:pt>
                <c:pt idx="956">
                  <c:v>43193.551932870374</c:v>
                </c:pt>
                <c:pt idx="957">
                  <c:v>43193.510335648149</c:v>
                </c:pt>
                <c:pt idx="958">
                  <c:v>43193.4687962963</c:v>
                </c:pt>
                <c:pt idx="959">
                  <c:v>43193.427245370367</c:v>
                </c:pt>
                <c:pt idx="960">
                  <c:v>43193.385706018518</c:v>
                </c:pt>
                <c:pt idx="961">
                  <c:v>43193.30259259259</c:v>
                </c:pt>
                <c:pt idx="962">
                  <c:v>43193.260949074072</c:v>
                </c:pt>
                <c:pt idx="963">
                  <c:v>43193.219444444447</c:v>
                </c:pt>
                <c:pt idx="964">
                  <c:v>43193.094571759262</c:v>
                </c:pt>
                <c:pt idx="965">
                  <c:v>43193.052986111114</c:v>
                </c:pt>
                <c:pt idx="966">
                  <c:v>43192.928159722222</c:v>
                </c:pt>
                <c:pt idx="967">
                  <c:v>43192.886574074073</c:v>
                </c:pt>
                <c:pt idx="968">
                  <c:v>43192.803391203706</c:v>
                </c:pt>
                <c:pt idx="969">
                  <c:v>43192.720138888886</c:v>
                </c:pt>
                <c:pt idx="970">
                  <c:v>43192.678530092591</c:v>
                </c:pt>
                <c:pt idx="971">
                  <c:v>43192.637048611112</c:v>
                </c:pt>
                <c:pt idx="972">
                  <c:v>43192.595243055555</c:v>
                </c:pt>
                <c:pt idx="973">
                  <c:v>43192.553703703707</c:v>
                </c:pt>
                <c:pt idx="974">
                  <c:v>43192.51222222222</c:v>
                </c:pt>
                <c:pt idx="975">
                  <c:v>43192.470578703702</c:v>
                </c:pt>
                <c:pt idx="976">
                  <c:v>43192.42895833333</c:v>
                </c:pt>
                <c:pt idx="977">
                  <c:v>43192.387326388889</c:v>
                </c:pt>
                <c:pt idx="978">
                  <c:v>43192.387326388889</c:v>
                </c:pt>
                <c:pt idx="979">
                  <c:v>43192.345706018517</c:v>
                </c:pt>
                <c:pt idx="980">
                  <c:v>43192.304166666669</c:v>
                </c:pt>
                <c:pt idx="981">
                  <c:v>43192.262627314813</c:v>
                </c:pt>
                <c:pt idx="982">
                  <c:v>43192.220983796295</c:v>
                </c:pt>
                <c:pt idx="983">
                  <c:v>43192.179456018515</c:v>
                </c:pt>
                <c:pt idx="984">
                  <c:v>43192.13784722222</c:v>
                </c:pt>
                <c:pt idx="985">
                  <c:v>43192.096203703702</c:v>
                </c:pt>
                <c:pt idx="986">
                  <c:v>43192.054583333331</c:v>
                </c:pt>
                <c:pt idx="987">
                  <c:v>43192.012986111113</c:v>
                </c:pt>
                <c:pt idx="988">
                  <c:v>43191.971365740741</c:v>
                </c:pt>
                <c:pt idx="989">
                  <c:v>43191.929826388892</c:v>
                </c:pt>
                <c:pt idx="990">
                  <c:v>43191.888240740744</c:v>
                </c:pt>
                <c:pt idx="991">
                  <c:v>43191.846608796295</c:v>
                </c:pt>
                <c:pt idx="992">
                  <c:v>43191.805</c:v>
                </c:pt>
                <c:pt idx="993">
                  <c:v>43191.763402777775</c:v>
                </c:pt>
                <c:pt idx="994">
                  <c:v>43191.721782407411</c:v>
                </c:pt>
                <c:pt idx="995">
                  <c:v>43191.680173611108</c:v>
                </c:pt>
                <c:pt idx="996">
                  <c:v>43191.63853009259</c:v>
                </c:pt>
                <c:pt idx="997">
                  <c:v>43191.596909722219</c:v>
                </c:pt>
                <c:pt idx="998">
                  <c:v>43191.555289351854</c:v>
                </c:pt>
                <c:pt idx="999">
                  <c:v>43191.513645833336</c:v>
                </c:pt>
                <c:pt idx="1000">
                  <c:v>43191.472013888888</c:v>
                </c:pt>
                <c:pt idx="1001">
                  <c:v>43191.430405092593</c:v>
                </c:pt>
                <c:pt idx="1002">
                  <c:v>43191.388784722221</c:v>
                </c:pt>
                <c:pt idx="1003">
                  <c:v>43191.263958333337</c:v>
                </c:pt>
                <c:pt idx="1004">
                  <c:v>43191.222372685188</c:v>
                </c:pt>
                <c:pt idx="1005">
                  <c:v>43191.18072916667</c:v>
                </c:pt>
                <c:pt idx="1006">
                  <c:v>43191.097638888888</c:v>
                </c:pt>
                <c:pt idx="1007">
                  <c:v>43191.056203703702</c:v>
                </c:pt>
                <c:pt idx="1008">
                  <c:v>43191.014652777776</c:v>
                </c:pt>
                <c:pt idx="1009">
                  <c:v>43190.973032407404</c:v>
                </c:pt>
                <c:pt idx="1010">
                  <c:v>43190.931435185186</c:v>
                </c:pt>
                <c:pt idx="1011">
                  <c:v>43190.889780092592</c:v>
                </c:pt>
                <c:pt idx="1012">
                  <c:v>43190.848171296297</c:v>
                </c:pt>
                <c:pt idx="1013">
                  <c:v>43190.806550925925</c:v>
                </c:pt>
                <c:pt idx="1014">
                  <c:v>43190.764907407407</c:v>
                </c:pt>
                <c:pt idx="1015">
                  <c:v>43190.723298611112</c:v>
                </c:pt>
                <c:pt idx="1016">
                  <c:v>43190.681701388887</c:v>
                </c:pt>
                <c:pt idx="1017">
                  <c:v>43190.640069444446</c:v>
                </c:pt>
                <c:pt idx="1018">
                  <c:v>43190.598449074074</c:v>
                </c:pt>
                <c:pt idx="1019">
                  <c:v>43190.556817129633</c:v>
                </c:pt>
                <c:pt idx="1020">
                  <c:v>43190.515196759261</c:v>
                </c:pt>
                <c:pt idx="1021">
                  <c:v>43190.473553240743</c:v>
                </c:pt>
                <c:pt idx="1022">
                  <c:v>43190.431921296295</c:v>
                </c:pt>
                <c:pt idx="1023">
                  <c:v>43190.390266203707</c:v>
                </c:pt>
                <c:pt idx="1024">
                  <c:v>43190.307013888887</c:v>
                </c:pt>
                <c:pt idx="1025">
                  <c:v>43190.265381944446</c:v>
                </c:pt>
                <c:pt idx="1026">
                  <c:v>43190.223761574074</c:v>
                </c:pt>
                <c:pt idx="1027">
                  <c:v>43190.182129629633</c:v>
                </c:pt>
                <c:pt idx="1028">
                  <c:v>43190.140497685185</c:v>
                </c:pt>
                <c:pt idx="1029">
                  <c:v>43190.098865740743</c:v>
                </c:pt>
                <c:pt idx="1030">
                  <c:v>43190.015613425923</c:v>
                </c:pt>
                <c:pt idx="1031">
                  <c:v>43189.973981481482</c:v>
                </c:pt>
                <c:pt idx="1032">
                  <c:v>43189.932372685187</c:v>
                </c:pt>
                <c:pt idx="1033">
                  <c:v>43189.890729166669</c:v>
                </c:pt>
                <c:pt idx="1034">
                  <c:v>43189.849085648151</c:v>
                </c:pt>
                <c:pt idx="1035">
                  <c:v>43189.807453703703</c:v>
                </c:pt>
                <c:pt idx="1036">
                  <c:v>43189.765821759262</c:v>
                </c:pt>
                <c:pt idx="1037">
                  <c:v>43189.72420138889</c:v>
                </c:pt>
                <c:pt idx="1038">
                  <c:v>43189.682569444441</c:v>
                </c:pt>
                <c:pt idx="1039">
                  <c:v>43189.640925925924</c:v>
                </c:pt>
                <c:pt idx="1040">
                  <c:v>43189.599293981482</c:v>
                </c:pt>
                <c:pt idx="1041">
                  <c:v>43189.557650462964</c:v>
                </c:pt>
                <c:pt idx="1042">
                  <c:v>43189.516018518516</c:v>
                </c:pt>
                <c:pt idx="1043">
                  <c:v>43189.474398148152</c:v>
                </c:pt>
                <c:pt idx="1044">
                  <c:v>43189.43277777778</c:v>
                </c:pt>
                <c:pt idx="1045">
                  <c:v>43189.391168981485</c:v>
                </c:pt>
                <c:pt idx="1046">
                  <c:v>43189.349548611113</c:v>
                </c:pt>
                <c:pt idx="1047">
                  <c:v>43189.307905092595</c:v>
                </c:pt>
                <c:pt idx="1048">
                  <c:v>43189.224664351852</c:v>
                </c:pt>
                <c:pt idx="1049">
                  <c:v>43189.183113425926</c:v>
                </c:pt>
                <c:pt idx="1050">
                  <c:v>43189.141504629632</c:v>
                </c:pt>
                <c:pt idx="1051">
                  <c:v>43189.099872685183</c:v>
                </c:pt>
                <c:pt idx="1052">
                  <c:v>43189.058229166665</c:v>
                </c:pt>
                <c:pt idx="1053">
                  <c:v>43189.016712962963</c:v>
                </c:pt>
                <c:pt idx="1054">
                  <c:v>43188.975092592591</c:v>
                </c:pt>
                <c:pt idx="1055">
                  <c:v>43188.933483796296</c:v>
                </c:pt>
                <c:pt idx="1056">
                  <c:v>43188.850300925929</c:v>
                </c:pt>
                <c:pt idx="1057">
                  <c:v>43188.808715277781</c:v>
                </c:pt>
                <c:pt idx="1058">
                  <c:v>43188.767152777778</c:v>
                </c:pt>
                <c:pt idx="1059">
                  <c:v>43188.72552083333</c:v>
                </c:pt>
                <c:pt idx="1060">
                  <c:v>43188.683877314812</c:v>
                </c:pt>
                <c:pt idx="1061">
                  <c:v>43188.642268518517</c:v>
                </c:pt>
                <c:pt idx="1062">
                  <c:v>43188.600636574076</c:v>
                </c:pt>
                <c:pt idx="1063">
                  <c:v>43188.517442129632</c:v>
                </c:pt>
                <c:pt idx="1064">
                  <c:v>43188.475810185184</c:v>
                </c:pt>
                <c:pt idx="1065">
                  <c:v>43188.434212962966</c:v>
                </c:pt>
                <c:pt idx="1066">
                  <c:v>43188.392604166664</c:v>
                </c:pt>
                <c:pt idx="1067">
                  <c:v>43188.350960648146</c:v>
                </c:pt>
                <c:pt idx="1068">
                  <c:v>43188.309317129628</c:v>
                </c:pt>
                <c:pt idx="1069">
                  <c:v>43188.267743055556</c:v>
                </c:pt>
                <c:pt idx="1070">
                  <c:v>43188.226111111115</c:v>
                </c:pt>
                <c:pt idx="1071">
                  <c:v>43188.184687499997</c:v>
                </c:pt>
                <c:pt idx="1072">
                  <c:v>43188.143171296295</c:v>
                </c:pt>
                <c:pt idx="1073">
                  <c:v>43188.101574074077</c:v>
                </c:pt>
                <c:pt idx="1074">
                  <c:v>43188.059942129628</c:v>
                </c:pt>
                <c:pt idx="1075">
                  <c:v>43188.018333333333</c:v>
                </c:pt>
                <c:pt idx="1076">
                  <c:v>43187.976689814815</c:v>
                </c:pt>
                <c:pt idx="1077">
                  <c:v>43187.935057870367</c:v>
                </c:pt>
                <c:pt idx="1078">
                  <c:v>43187.893414351849</c:v>
                </c:pt>
                <c:pt idx="1079">
                  <c:v>43187.851805555554</c:v>
                </c:pt>
                <c:pt idx="1080">
                  <c:v>43187.810173611113</c:v>
                </c:pt>
                <c:pt idx="1081">
                  <c:v>43187.768553240741</c:v>
                </c:pt>
                <c:pt idx="1082">
                  <c:v>43187.72693287037</c:v>
                </c:pt>
                <c:pt idx="1083">
                  <c:v>43187.685324074075</c:v>
                </c:pt>
                <c:pt idx="1084">
                  <c:v>43187.643761574072</c:v>
                </c:pt>
                <c:pt idx="1085">
                  <c:v>43187.602129629631</c:v>
                </c:pt>
                <c:pt idx="1086">
                  <c:v>43187.560578703706</c:v>
                </c:pt>
                <c:pt idx="1087">
                  <c:v>43187.518935185188</c:v>
                </c:pt>
                <c:pt idx="1088">
                  <c:v>43187.477303240739</c:v>
                </c:pt>
                <c:pt idx="1089">
                  <c:v>43187.435671296298</c:v>
                </c:pt>
                <c:pt idx="1090">
                  <c:v>43187.39403935185</c:v>
                </c:pt>
                <c:pt idx="1091">
                  <c:v>43187.352395833332</c:v>
                </c:pt>
                <c:pt idx="1092">
                  <c:v>43187.310810185183</c:v>
                </c:pt>
                <c:pt idx="1093">
                  <c:v>43187.269259259258</c:v>
                </c:pt>
                <c:pt idx="1094">
                  <c:v>43187.22760416667</c:v>
                </c:pt>
                <c:pt idx="1095">
                  <c:v>43187.185972222222</c:v>
                </c:pt>
                <c:pt idx="1096">
                  <c:v>43187.14435185185</c:v>
                </c:pt>
                <c:pt idx="1097">
                  <c:v>43187.102731481478</c:v>
                </c:pt>
                <c:pt idx="1098">
                  <c:v>43187.061099537037</c:v>
                </c:pt>
                <c:pt idx="1099">
                  <c:v>43187.019479166665</c:v>
                </c:pt>
                <c:pt idx="1100">
                  <c:v>43186.977847222224</c:v>
                </c:pt>
                <c:pt idx="1101">
                  <c:v>43186.936226851853</c:v>
                </c:pt>
                <c:pt idx="1102">
                  <c:v>43186.894606481481</c:v>
                </c:pt>
                <c:pt idx="1103">
                  <c:v>43186.853009259263</c:v>
                </c:pt>
                <c:pt idx="1104">
                  <c:v>43186.811400462961</c:v>
                </c:pt>
                <c:pt idx="1105">
                  <c:v>43186.769768518519</c:v>
                </c:pt>
                <c:pt idx="1106">
                  <c:v>43186.728125000001</c:v>
                </c:pt>
                <c:pt idx="1107">
                  <c:v>43186.686516203707</c:v>
                </c:pt>
                <c:pt idx="1108">
                  <c:v>43186.644884259258</c:v>
                </c:pt>
                <c:pt idx="1109">
                  <c:v>43186.603263888886</c:v>
                </c:pt>
                <c:pt idx="1110">
                  <c:v>43186.561620370368</c:v>
                </c:pt>
                <c:pt idx="1111">
                  <c:v>43186.519988425927</c:v>
                </c:pt>
                <c:pt idx="1112">
                  <c:v>43186.478344907409</c:v>
                </c:pt>
                <c:pt idx="1113">
                  <c:v>43186.436724537038</c:v>
                </c:pt>
                <c:pt idx="1114">
                  <c:v>43186.395092592589</c:v>
                </c:pt>
                <c:pt idx="1115">
                  <c:v>43186.353460648148</c:v>
                </c:pt>
                <c:pt idx="1116">
                  <c:v>43186.311840277776</c:v>
                </c:pt>
                <c:pt idx="1117">
                  <c:v>43186.270208333335</c:v>
                </c:pt>
                <c:pt idx="1118">
                  <c:v>43186.228587962964</c:v>
                </c:pt>
                <c:pt idx="1119">
                  <c:v>43186.186990740738</c:v>
                </c:pt>
                <c:pt idx="1120">
                  <c:v>43186.145370370374</c:v>
                </c:pt>
                <c:pt idx="1121">
                  <c:v>43186.103750000002</c:v>
                </c:pt>
                <c:pt idx="1122">
                  <c:v>43186.020497685182</c:v>
                </c:pt>
                <c:pt idx="1123">
                  <c:v>43185.9372337963</c:v>
                </c:pt>
                <c:pt idx="1124">
                  <c:v>43185.895624999997</c:v>
                </c:pt>
                <c:pt idx="1125">
                  <c:v>43185.853993055556</c:v>
                </c:pt>
                <c:pt idx="1126">
                  <c:v>43185.812361111108</c:v>
                </c:pt>
                <c:pt idx="1127">
                  <c:v>43185.77071759259</c:v>
                </c:pt>
                <c:pt idx="1128">
                  <c:v>43185.729120370372</c:v>
                </c:pt>
                <c:pt idx="1129">
                  <c:v>43185.687511574077</c:v>
                </c:pt>
                <c:pt idx="1130">
                  <c:v>43185.645902777775</c:v>
                </c:pt>
              </c:numCache>
            </c:numRef>
          </c:xVal>
          <c:yVal>
            <c:numRef>
              <c:f>グラフ!$H$6:$H$1136</c:f>
              <c:numCache>
                <c:formatCode>General</c:formatCode>
                <c:ptCount val="1131"/>
                <c:pt idx="0">
                  <c:v>23.3</c:v>
                </c:pt>
                <c:pt idx="1">
                  <c:v>23</c:v>
                </c:pt>
                <c:pt idx="2">
                  <c:v>22.5</c:v>
                </c:pt>
                <c:pt idx="3">
                  <c:v>22.5</c:v>
                </c:pt>
                <c:pt idx="4">
                  <c:v>22.5</c:v>
                </c:pt>
                <c:pt idx="5">
                  <c:v>22.7</c:v>
                </c:pt>
                <c:pt idx="6">
                  <c:v>22.9</c:v>
                </c:pt>
                <c:pt idx="7">
                  <c:v>22.9</c:v>
                </c:pt>
                <c:pt idx="8">
                  <c:v>22.9</c:v>
                </c:pt>
                <c:pt idx="9">
                  <c:v>22.9</c:v>
                </c:pt>
                <c:pt idx="10">
                  <c:v>23</c:v>
                </c:pt>
                <c:pt idx="11">
                  <c:v>23.2</c:v>
                </c:pt>
                <c:pt idx="12">
                  <c:v>23.2</c:v>
                </c:pt>
                <c:pt idx="13">
                  <c:v>23.2</c:v>
                </c:pt>
                <c:pt idx="14">
                  <c:v>23.5</c:v>
                </c:pt>
                <c:pt idx="15">
                  <c:v>23.7</c:v>
                </c:pt>
                <c:pt idx="16">
                  <c:v>23.7</c:v>
                </c:pt>
                <c:pt idx="17">
                  <c:v>23.7</c:v>
                </c:pt>
                <c:pt idx="18">
                  <c:v>23.8</c:v>
                </c:pt>
                <c:pt idx="19">
                  <c:v>23.8</c:v>
                </c:pt>
                <c:pt idx="20">
                  <c:v>24</c:v>
                </c:pt>
                <c:pt idx="21">
                  <c:v>24.1</c:v>
                </c:pt>
                <c:pt idx="22">
                  <c:v>24.3</c:v>
                </c:pt>
                <c:pt idx="23">
                  <c:v>24.3</c:v>
                </c:pt>
                <c:pt idx="24">
                  <c:v>24.8</c:v>
                </c:pt>
                <c:pt idx="25">
                  <c:v>25.7</c:v>
                </c:pt>
                <c:pt idx="26">
                  <c:v>25.9</c:v>
                </c:pt>
                <c:pt idx="27">
                  <c:v>25.9</c:v>
                </c:pt>
                <c:pt idx="28">
                  <c:v>25.9</c:v>
                </c:pt>
                <c:pt idx="29">
                  <c:v>25.9</c:v>
                </c:pt>
                <c:pt idx="30">
                  <c:v>25.7</c:v>
                </c:pt>
                <c:pt idx="31">
                  <c:v>25.7</c:v>
                </c:pt>
                <c:pt idx="32">
                  <c:v>25.7</c:v>
                </c:pt>
                <c:pt idx="33">
                  <c:v>25.7</c:v>
                </c:pt>
                <c:pt idx="34">
                  <c:v>25.9</c:v>
                </c:pt>
                <c:pt idx="35">
                  <c:v>26.2</c:v>
                </c:pt>
                <c:pt idx="36">
                  <c:v>26.4</c:v>
                </c:pt>
                <c:pt idx="37">
                  <c:v>26.7</c:v>
                </c:pt>
                <c:pt idx="38">
                  <c:v>26.9</c:v>
                </c:pt>
                <c:pt idx="39">
                  <c:v>27</c:v>
                </c:pt>
                <c:pt idx="40">
                  <c:v>27</c:v>
                </c:pt>
                <c:pt idx="41">
                  <c:v>26.9</c:v>
                </c:pt>
                <c:pt idx="42">
                  <c:v>26.4</c:v>
                </c:pt>
                <c:pt idx="43">
                  <c:v>25.6</c:v>
                </c:pt>
                <c:pt idx="44">
                  <c:v>25.3</c:v>
                </c:pt>
                <c:pt idx="45">
                  <c:v>24.3</c:v>
                </c:pt>
                <c:pt idx="46">
                  <c:v>23.7</c:v>
                </c:pt>
                <c:pt idx="47">
                  <c:v>23.5</c:v>
                </c:pt>
                <c:pt idx="48">
                  <c:v>21.6</c:v>
                </c:pt>
                <c:pt idx="49">
                  <c:v>20.6</c:v>
                </c:pt>
                <c:pt idx="50">
                  <c:v>20.3</c:v>
                </c:pt>
                <c:pt idx="51">
                  <c:v>20.5</c:v>
                </c:pt>
                <c:pt idx="52">
                  <c:v>21.1</c:v>
                </c:pt>
                <c:pt idx="53">
                  <c:v>20.6</c:v>
                </c:pt>
                <c:pt idx="54">
                  <c:v>20.8</c:v>
                </c:pt>
                <c:pt idx="55">
                  <c:v>21.1</c:v>
                </c:pt>
                <c:pt idx="56">
                  <c:v>21.4</c:v>
                </c:pt>
                <c:pt idx="57">
                  <c:v>21.7</c:v>
                </c:pt>
                <c:pt idx="58">
                  <c:v>22.1</c:v>
                </c:pt>
                <c:pt idx="59">
                  <c:v>22.4</c:v>
                </c:pt>
                <c:pt idx="60">
                  <c:v>22.7</c:v>
                </c:pt>
                <c:pt idx="61">
                  <c:v>23</c:v>
                </c:pt>
                <c:pt idx="62">
                  <c:v>23.2</c:v>
                </c:pt>
                <c:pt idx="63">
                  <c:v>23.2</c:v>
                </c:pt>
                <c:pt idx="64">
                  <c:v>23.3</c:v>
                </c:pt>
                <c:pt idx="65">
                  <c:v>22.4</c:v>
                </c:pt>
                <c:pt idx="66">
                  <c:v>22.1</c:v>
                </c:pt>
                <c:pt idx="67">
                  <c:v>20.5</c:v>
                </c:pt>
                <c:pt idx="68">
                  <c:v>19.3</c:v>
                </c:pt>
                <c:pt idx="69">
                  <c:v>18.399999999999999</c:v>
                </c:pt>
                <c:pt idx="70">
                  <c:v>18.100000000000001</c:v>
                </c:pt>
                <c:pt idx="71">
                  <c:v>18.2</c:v>
                </c:pt>
                <c:pt idx="72">
                  <c:v>16.3</c:v>
                </c:pt>
                <c:pt idx="73">
                  <c:v>15.8</c:v>
                </c:pt>
                <c:pt idx="74">
                  <c:v>15.7</c:v>
                </c:pt>
                <c:pt idx="75">
                  <c:v>16.100000000000001</c:v>
                </c:pt>
                <c:pt idx="76">
                  <c:v>16.600000000000001</c:v>
                </c:pt>
                <c:pt idx="77">
                  <c:v>16.899999999999999</c:v>
                </c:pt>
                <c:pt idx="78">
                  <c:v>17.100000000000001</c:v>
                </c:pt>
                <c:pt idx="79">
                  <c:v>17.100000000000001</c:v>
                </c:pt>
                <c:pt idx="80">
                  <c:v>17.3</c:v>
                </c:pt>
                <c:pt idx="81">
                  <c:v>17.399999999999999</c:v>
                </c:pt>
                <c:pt idx="82">
                  <c:v>17.600000000000001</c:v>
                </c:pt>
                <c:pt idx="83">
                  <c:v>17.7</c:v>
                </c:pt>
                <c:pt idx="84">
                  <c:v>18.2</c:v>
                </c:pt>
                <c:pt idx="85">
                  <c:v>18.7</c:v>
                </c:pt>
                <c:pt idx="86">
                  <c:v>19</c:v>
                </c:pt>
                <c:pt idx="87">
                  <c:v>19.2</c:v>
                </c:pt>
                <c:pt idx="88">
                  <c:v>19</c:v>
                </c:pt>
                <c:pt idx="89">
                  <c:v>18.5</c:v>
                </c:pt>
                <c:pt idx="90">
                  <c:v>18.2</c:v>
                </c:pt>
                <c:pt idx="91">
                  <c:v>17.899999999999999</c:v>
                </c:pt>
                <c:pt idx="92">
                  <c:v>17.600000000000001</c:v>
                </c:pt>
                <c:pt idx="93">
                  <c:v>17.3</c:v>
                </c:pt>
                <c:pt idx="94">
                  <c:v>16.899999999999999</c:v>
                </c:pt>
                <c:pt idx="95">
                  <c:v>16.899999999999999</c:v>
                </c:pt>
                <c:pt idx="96">
                  <c:v>16.8</c:v>
                </c:pt>
                <c:pt idx="97">
                  <c:v>16.899999999999999</c:v>
                </c:pt>
                <c:pt idx="98">
                  <c:v>17.100000000000001</c:v>
                </c:pt>
                <c:pt idx="99">
                  <c:v>17.399999999999999</c:v>
                </c:pt>
                <c:pt idx="100">
                  <c:v>17.600000000000001</c:v>
                </c:pt>
                <c:pt idx="101">
                  <c:v>17.7</c:v>
                </c:pt>
                <c:pt idx="102">
                  <c:v>17.7</c:v>
                </c:pt>
                <c:pt idx="103">
                  <c:v>17.7</c:v>
                </c:pt>
                <c:pt idx="104">
                  <c:v>17.7</c:v>
                </c:pt>
                <c:pt idx="105">
                  <c:v>17.7</c:v>
                </c:pt>
                <c:pt idx="106">
                  <c:v>17.7</c:v>
                </c:pt>
                <c:pt idx="107">
                  <c:v>17.7</c:v>
                </c:pt>
                <c:pt idx="108">
                  <c:v>17.7</c:v>
                </c:pt>
                <c:pt idx="109">
                  <c:v>17.899999999999999</c:v>
                </c:pt>
                <c:pt idx="110">
                  <c:v>17.7</c:v>
                </c:pt>
                <c:pt idx="111">
                  <c:v>17.7</c:v>
                </c:pt>
                <c:pt idx="112">
                  <c:v>17.600000000000001</c:v>
                </c:pt>
                <c:pt idx="113">
                  <c:v>17.600000000000001</c:v>
                </c:pt>
                <c:pt idx="114">
                  <c:v>18.2</c:v>
                </c:pt>
                <c:pt idx="115">
                  <c:v>18.5</c:v>
                </c:pt>
                <c:pt idx="116">
                  <c:v>18.7</c:v>
                </c:pt>
                <c:pt idx="117">
                  <c:v>18.7</c:v>
                </c:pt>
                <c:pt idx="118">
                  <c:v>19.2</c:v>
                </c:pt>
                <c:pt idx="119">
                  <c:v>19.3</c:v>
                </c:pt>
                <c:pt idx="120">
                  <c:v>19.7</c:v>
                </c:pt>
                <c:pt idx="121">
                  <c:v>19.7</c:v>
                </c:pt>
                <c:pt idx="122">
                  <c:v>19.5</c:v>
                </c:pt>
                <c:pt idx="123">
                  <c:v>19.3</c:v>
                </c:pt>
                <c:pt idx="124">
                  <c:v>18.899999999999999</c:v>
                </c:pt>
                <c:pt idx="125">
                  <c:v>18.2</c:v>
                </c:pt>
                <c:pt idx="126">
                  <c:v>18.399999999999999</c:v>
                </c:pt>
                <c:pt idx="127">
                  <c:v>18.7</c:v>
                </c:pt>
                <c:pt idx="128">
                  <c:v>19</c:v>
                </c:pt>
                <c:pt idx="129">
                  <c:v>19.3</c:v>
                </c:pt>
                <c:pt idx="130">
                  <c:v>19.5</c:v>
                </c:pt>
                <c:pt idx="131">
                  <c:v>19.7</c:v>
                </c:pt>
                <c:pt idx="132">
                  <c:v>20</c:v>
                </c:pt>
                <c:pt idx="133">
                  <c:v>20.5</c:v>
                </c:pt>
                <c:pt idx="134">
                  <c:v>20.6</c:v>
                </c:pt>
                <c:pt idx="135">
                  <c:v>20.6</c:v>
                </c:pt>
                <c:pt idx="136">
                  <c:v>20.5</c:v>
                </c:pt>
                <c:pt idx="137">
                  <c:v>20.9</c:v>
                </c:pt>
                <c:pt idx="138">
                  <c:v>20.5</c:v>
                </c:pt>
                <c:pt idx="139">
                  <c:v>20.3</c:v>
                </c:pt>
                <c:pt idx="140">
                  <c:v>19.5</c:v>
                </c:pt>
                <c:pt idx="141">
                  <c:v>18.899999999999999</c:v>
                </c:pt>
                <c:pt idx="142">
                  <c:v>18.399999999999999</c:v>
                </c:pt>
                <c:pt idx="143">
                  <c:v>18.5</c:v>
                </c:pt>
                <c:pt idx="144">
                  <c:v>16.8</c:v>
                </c:pt>
                <c:pt idx="145">
                  <c:v>14.9</c:v>
                </c:pt>
                <c:pt idx="146">
                  <c:v>14.7</c:v>
                </c:pt>
                <c:pt idx="147">
                  <c:v>14.9</c:v>
                </c:pt>
                <c:pt idx="148">
                  <c:v>15.2</c:v>
                </c:pt>
                <c:pt idx="149">
                  <c:v>15.3</c:v>
                </c:pt>
                <c:pt idx="150">
                  <c:v>15.7</c:v>
                </c:pt>
                <c:pt idx="151">
                  <c:v>16</c:v>
                </c:pt>
                <c:pt idx="152">
                  <c:v>16.5</c:v>
                </c:pt>
                <c:pt idx="153">
                  <c:v>16.8</c:v>
                </c:pt>
                <c:pt idx="154">
                  <c:v>17.100000000000001</c:v>
                </c:pt>
                <c:pt idx="155">
                  <c:v>17.399999999999999</c:v>
                </c:pt>
                <c:pt idx="156">
                  <c:v>17.899999999999999</c:v>
                </c:pt>
                <c:pt idx="157">
                  <c:v>18.399999999999999</c:v>
                </c:pt>
                <c:pt idx="158">
                  <c:v>18.5</c:v>
                </c:pt>
                <c:pt idx="159">
                  <c:v>18.399999999999999</c:v>
                </c:pt>
                <c:pt idx="160">
                  <c:v>18.100000000000001</c:v>
                </c:pt>
                <c:pt idx="161">
                  <c:v>17.600000000000001</c:v>
                </c:pt>
                <c:pt idx="162">
                  <c:v>17.3</c:v>
                </c:pt>
                <c:pt idx="163">
                  <c:v>16.5</c:v>
                </c:pt>
                <c:pt idx="164">
                  <c:v>16</c:v>
                </c:pt>
                <c:pt idx="165">
                  <c:v>15</c:v>
                </c:pt>
                <c:pt idx="166">
                  <c:v>14.4</c:v>
                </c:pt>
                <c:pt idx="167">
                  <c:v>14.5</c:v>
                </c:pt>
                <c:pt idx="168">
                  <c:v>12.6</c:v>
                </c:pt>
                <c:pt idx="169">
                  <c:v>11</c:v>
                </c:pt>
                <c:pt idx="170">
                  <c:v>10.7</c:v>
                </c:pt>
                <c:pt idx="171">
                  <c:v>10.9</c:v>
                </c:pt>
                <c:pt idx="172">
                  <c:v>11.2</c:v>
                </c:pt>
                <c:pt idx="173">
                  <c:v>11.5</c:v>
                </c:pt>
                <c:pt idx="174">
                  <c:v>11.7</c:v>
                </c:pt>
                <c:pt idx="175">
                  <c:v>12.1</c:v>
                </c:pt>
                <c:pt idx="176">
                  <c:v>12.5</c:v>
                </c:pt>
                <c:pt idx="177">
                  <c:v>12.9</c:v>
                </c:pt>
                <c:pt idx="178">
                  <c:v>13.3</c:v>
                </c:pt>
                <c:pt idx="179">
                  <c:v>13.4</c:v>
                </c:pt>
                <c:pt idx="180">
                  <c:v>13.9</c:v>
                </c:pt>
                <c:pt idx="181">
                  <c:v>14.2</c:v>
                </c:pt>
                <c:pt idx="182">
                  <c:v>14.4</c:v>
                </c:pt>
                <c:pt idx="183">
                  <c:v>14.1</c:v>
                </c:pt>
                <c:pt idx="184">
                  <c:v>13.9</c:v>
                </c:pt>
                <c:pt idx="185">
                  <c:v>13.7</c:v>
                </c:pt>
                <c:pt idx="186">
                  <c:v>13.6</c:v>
                </c:pt>
                <c:pt idx="187">
                  <c:v>14.2</c:v>
                </c:pt>
                <c:pt idx="188">
                  <c:v>13.7</c:v>
                </c:pt>
                <c:pt idx="189">
                  <c:v>13.7</c:v>
                </c:pt>
                <c:pt idx="190">
                  <c:v>13.7</c:v>
                </c:pt>
                <c:pt idx="191">
                  <c:v>14.1</c:v>
                </c:pt>
                <c:pt idx="192">
                  <c:v>13.9</c:v>
                </c:pt>
                <c:pt idx="193">
                  <c:v>13.4</c:v>
                </c:pt>
                <c:pt idx="194">
                  <c:v>13.7</c:v>
                </c:pt>
                <c:pt idx="195">
                  <c:v>13.7</c:v>
                </c:pt>
                <c:pt idx="196">
                  <c:v>13.9</c:v>
                </c:pt>
                <c:pt idx="197">
                  <c:v>14.1</c:v>
                </c:pt>
                <c:pt idx="198">
                  <c:v>14.2</c:v>
                </c:pt>
                <c:pt idx="199">
                  <c:v>14.2</c:v>
                </c:pt>
                <c:pt idx="200">
                  <c:v>14.4</c:v>
                </c:pt>
                <c:pt idx="201">
                  <c:v>14.5</c:v>
                </c:pt>
                <c:pt idx="202">
                  <c:v>14.5</c:v>
                </c:pt>
                <c:pt idx="203">
                  <c:v>14.7</c:v>
                </c:pt>
                <c:pt idx="204">
                  <c:v>15</c:v>
                </c:pt>
                <c:pt idx="205">
                  <c:v>15.5</c:v>
                </c:pt>
                <c:pt idx="206">
                  <c:v>15.8</c:v>
                </c:pt>
                <c:pt idx="207">
                  <c:v>16</c:v>
                </c:pt>
                <c:pt idx="208">
                  <c:v>16.3</c:v>
                </c:pt>
                <c:pt idx="209">
                  <c:v>16.100000000000001</c:v>
                </c:pt>
                <c:pt idx="210">
                  <c:v>15.7</c:v>
                </c:pt>
                <c:pt idx="211">
                  <c:v>15.7</c:v>
                </c:pt>
                <c:pt idx="212">
                  <c:v>15.3</c:v>
                </c:pt>
                <c:pt idx="213">
                  <c:v>15.3</c:v>
                </c:pt>
                <c:pt idx="214">
                  <c:v>14.9</c:v>
                </c:pt>
                <c:pt idx="215">
                  <c:v>14.5</c:v>
                </c:pt>
                <c:pt idx="216">
                  <c:v>14.4</c:v>
                </c:pt>
                <c:pt idx="217">
                  <c:v>14.2</c:v>
                </c:pt>
                <c:pt idx="218">
                  <c:v>14.2</c:v>
                </c:pt>
                <c:pt idx="219">
                  <c:v>14.4</c:v>
                </c:pt>
                <c:pt idx="220">
                  <c:v>14.5</c:v>
                </c:pt>
                <c:pt idx="221">
                  <c:v>14.5</c:v>
                </c:pt>
                <c:pt idx="222">
                  <c:v>14.5</c:v>
                </c:pt>
                <c:pt idx="223">
                  <c:v>14.4</c:v>
                </c:pt>
                <c:pt idx="224">
                  <c:v>14.5</c:v>
                </c:pt>
                <c:pt idx="225">
                  <c:v>14.9</c:v>
                </c:pt>
                <c:pt idx="226">
                  <c:v>14.7</c:v>
                </c:pt>
                <c:pt idx="227">
                  <c:v>14.7</c:v>
                </c:pt>
                <c:pt idx="228">
                  <c:v>14.9</c:v>
                </c:pt>
                <c:pt idx="229">
                  <c:v>14.9</c:v>
                </c:pt>
                <c:pt idx="230">
                  <c:v>15</c:v>
                </c:pt>
                <c:pt idx="231">
                  <c:v>15.3</c:v>
                </c:pt>
                <c:pt idx="232">
                  <c:v>15.5</c:v>
                </c:pt>
                <c:pt idx="233">
                  <c:v>15.5</c:v>
                </c:pt>
                <c:pt idx="234">
                  <c:v>15.3</c:v>
                </c:pt>
                <c:pt idx="235">
                  <c:v>15</c:v>
                </c:pt>
                <c:pt idx="236">
                  <c:v>14.9</c:v>
                </c:pt>
                <c:pt idx="237">
                  <c:v>14.5</c:v>
                </c:pt>
                <c:pt idx="238">
                  <c:v>14.4</c:v>
                </c:pt>
                <c:pt idx="239">
                  <c:v>14.4</c:v>
                </c:pt>
                <c:pt idx="240">
                  <c:v>14.2</c:v>
                </c:pt>
                <c:pt idx="241">
                  <c:v>14.4</c:v>
                </c:pt>
                <c:pt idx="242">
                  <c:v>14.4</c:v>
                </c:pt>
                <c:pt idx="243">
                  <c:v>14.2</c:v>
                </c:pt>
                <c:pt idx="244">
                  <c:v>14.1</c:v>
                </c:pt>
                <c:pt idx="245">
                  <c:v>14.2</c:v>
                </c:pt>
                <c:pt idx="246">
                  <c:v>14.5</c:v>
                </c:pt>
                <c:pt idx="247">
                  <c:v>14.4</c:v>
                </c:pt>
                <c:pt idx="248">
                  <c:v>14.4</c:v>
                </c:pt>
                <c:pt idx="249">
                  <c:v>14.4</c:v>
                </c:pt>
                <c:pt idx="250">
                  <c:v>14.9</c:v>
                </c:pt>
                <c:pt idx="251">
                  <c:v>14.9</c:v>
                </c:pt>
                <c:pt idx="252">
                  <c:v>14.9</c:v>
                </c:pt>
                <c:pt idx="253">
                  <c:v>14.7</c:v>
                </c:pt>
                <c:pt idx="254">
                  <c:v>14.9</c:v>
                </c:pt>
                <c:pt idx="255">
                  <c:v>15</c:v>
                </c:pt>
                <c:pt idx="256">
                  <c:v>15.3</c:v>
                </c:pt>
                <c:pt idx="257">
                  <c:v>15.3</c:v>
                </c:pt>
                <c:pt idx="258">
                  <c:v>15.5</c:v>
                </c:pt>
                <c:pt idx="259">
                  <c:v>15.3</c:v>
                </c:pt>
                <c:pt idx="260">
                  <c:v>15.3</c:v>
                </c:pt>
                <c:pt idx="261">
                  <c:v>15.3</c:v>
                </c:pt>
                <c:pt idx="262">
                  <c:v>15.3</c:v>
                </c:pt>
                <c:pt idx="263">
                  <c:v>15.3</c:v>
                </c:pt>
                <c:pt idx="264">
                  <c:v>15</c:v>
                </c:pt>
                <c:pt idx="265">
                  <c:v>15.2</c:v>
                </c:pt>
                <c:pt idx="266">
                  <c:v>15.3</c:v>
                </c:pt>
                <c:pt idx="267">
                  <c:v>15.2</c:v>
                </c:pt>
                <c:pt idx="268">
                  <c:v>15.3</c:v>
                </c:pt>
                <c:pt idx="269">
                  <c:v>16</c:v>
                </c:pt>
                <c:pt idx="270">
                  <c:v>16.600000000000001</c:v>
                </c:pt>
                <c:pt idx="271">
                  <c:v>17.600000000000001</c:v>
                </c:pt>
                <c:pt idx="272">
                  <c:v>18.2</c:v>
                </c:pt>
                <c:pt idx="273">
                  <c:v>18.899999999999999</c:v>
                </c:pt>
                <c:pt idx="274">
                  <c:v>19.2</c:v>
                </c:pt>
                <c:pt idx="275">
                  <c:v>19.7</c:v>
                </c:pt>
                <c:pt idx="276">
                  <c:v>20.100000000000001</c:v>
                </c:pt>
                <c:pt idx="277">
                  <c:v>20.6</c:v>
                </c:pt>
                <c:pt idx="278">
                  <c:v>20.9</c:v>
                </c:pt>
                <c:pt idx="279">
                  <c:v>21.6</c:v>
                </c:pt>
                <c:pt idx="280">
                  <c:v>22.1</c:v>
                </c:pt>
                <c:pt idx="281">
                  <c:v>22.9</c:v>
                </c:pt>
                <c:pt idx="282">
                  <c:v>22.9</c:v>
                </c:pt>
                <c:pt idx="283">
                  <c:v>22.9</c:v>
                </c:pt>
                <c:pt idx="284">
                  <c:v>22.1</c:v>
                </c:pt>
                <c:pt idx="285">
                  <c:v>21.1</c:v>
                </c:pt>
                <c:pt idx="286">
                  <c:v>20.100000000000001</c:v>
                </c:pt>
                <c:pt idx="287">
                  <c:v>19.8</c:v>
                </c:pt>
                <c:pt idx="288">
                  <c:v>18.899999999999999</c:v>
                </c:pt>
                <c:pt idx="289">
                  <c:v>17.7</c:v>
                </c:pt>
                <c:pt idx="290">
                  <c:v>16.600000000000001</c:v>
                </c:pt>
                <c:pt idx="291">
                  <c:v>16.100000000000001</c:v>
                </c:pt>
                <c:pt idx="292">
                  <c:v>16.3</c:v>
                </c:pt>
                <c:pt idx="293">
                  <c:v>16.600000000000001</c:v>
                </c:pt>
                <c:pt idx="294">
                  <c:v>16.8</c:v>
                </c:pt>
                <c:pt idx="295">
                  <c:v>16.8</c:v>
                </c:pt>
                <c:pt idx="296">
                  <c:v>16.899999999999999</c:v>
                </c:pt>
                <c:pt idx="297">
                  <c:v>17.100000000000001</c:v>
                </c:pt>
                <c:pt idx="298">
                  <c:v>17.3</c:v>
                </c:pt>
                <c:pt idx="299">
                  <c:v>17.600000000000001</c:v>
                </c:pt>
                <c:pt idx="300">
                  <c:v>18.100000000000001</c:v>
                </c:pt>
                <c:pt idx="301">
                  <c:v>18.2</c:v>
                </c:pt>
                <c:pt idx="302">
                  <c:v>18.7</c:v>
                </c:pt>
                <c:pt idx="303">
                  <c:v>18.899999999999999</c:v>
                </c:pt>
                <c:pt idx="304">
                  <c:v>18.899999999999999</c:v>
                </c:pt>
                <c:pt idx="305">
                  <c:v>18.899999999999999</c:v>
                </c:pt>
                <c:pt idx="306">
                  <c:v>18.5</c:v>
                </c:pt>
                <c:pt idx="307">
                  <c:v>18.399999999999999</c:v>
                </c:pt>
                <c:pt idx="308">
                  <c:v>18.100000000000001</c:v>
                </c:pt>
                <c:pt idx="309">
                  <c:v>17.399999999999999</c:v>
                </c:pt>
                <c:pt idx="310">
                  <c:v>16.899999999999999</c:v>
                </c:pt>
                <c:pt idx="311">
                  <c:v>16.5</c:v>
                </c:pt>
                <c:pt idx="312">
                  <c:v>15.8</c:v>
                </c:pt>
                <c:pt idx="313">
                  <c:v>14.4</c:v>
                </c:pt>
                <c:pt idx="314">
                  <c:v>13.4</c:v>
                </c:pt>
                <c:pt idx="315">
                  <c:v>13.3</c:v>
                </c:pt>
                <c:pt idx="316">
                  <c:v>13.4</c:v>
                </c:pt>
                <c:pt idx="317">
                  <c:v>13.6</c:v>
                </c:pt>
                <c:pt idx="318">
                  <c:v>13.7</c:v>
                </c:pt>
                <c:pt idx="319">
                  <c:v>14.1</c:v>
                </c:pt>
                <c:pt idx="320">
                  <c:v>14.1</c:v>
                </c:pt>
                <c:pt idx="321">
                  <c:v>13.9</c:v>
                </c:pt>
                <c:pt idx="322">
                  <c:v>14.1</c:v>
                </c:pt>
                <c:pt idx="323">
                  <c:v>14.4</c:v>
                </c:pt>
                <c:pt idx="324">
                  <c:v>14.7</c:v>
                </c:pt>
                <c:pt idx="325">
                  <c:v>15.2</c:v>
                </c:pt>
                <c:pt idx="326">
                  <c:v>15.7</c:v>
                </c:pt>
                <c:pt idx="327">
                  <c:v>15.7</c:v>
                </c:pt>
                <c:pt idx="328">
                  <c:v>15.2</c:v>
                </c:pt>
                <c:pt idx="329">
                  <c:v>14.2</c:v>
                </c:pt>
                <c:pt idx="330">
                  <c:v>13.7</c:v>
                </c:pt>
                <c:pt idx="331">
                  <c:v>13.1</c:v>
                </c:pt>
                <c:pt idx="332">
                  <c:v>12.6</c:v>
                </c:pt>
                <c:pt idx="333">
                  <c:v>12.3</c:v>
                </c:pt>
                <c:pt idx="334">
                  <c:v>12.1</c:v>
                </c:pt>
                <c:pt idx="335">
                  <c:v>12</c:v>
                </c:pt>
                <c:pt idx="336">
                  <c:v>12.6</c:v>
                </c:pt>
                <c:pt idx="337">
                  <c:v>13.1</c:v>
                </c:pt>
                <c:pt idx="338">
                  <c:v>12.9</c:v>
                </c:pt>
                <c:pt idx="339">
                  <c:v>12.8</c:v>
                </c:pt>
                <c:pt idx="340">
                  <c:v>13.3</c:v>
                </c:pt>
                <c:pt idx="341">
                  <c:v>14.1</c:v>
                </c:pt>
                <c:pt idx="342">
                  <c:v>14.4</c:v>
                </c:pt>
                <c:pt idx="343">
                  <c:v>14.5</c:v>
                </c:pt>
                <c:pt idx="344">
                  <c:v>14.5</c:v>
                </c:pt>
                <c:pt idx="345">
                  <c:v>14.9</c:v>
                </c:pt>
                <c:pt idx="346">
                  <c:v>15.5</c:v>
                </c:pt>
                <c:pt idx="347">
                  <c:v>15.7</c:v>
                </c:pt>
                <c:pt idx="348">
                  <c:v>16</c:v>
                </c:pt>
                <c:pt idx="349">
                  <c:v>16.100000000000001</c:v>
                </c:pt>
                <c:pt idx="350">
                  <c:v>16.5</c:v>
                </c:pt>
                <c:pt idx="351">
                  <c:v>16.8</c:v>
                </c:pt>
                <c:pt idx="352">
                  <c:v>16.8</c:v>
                </c:pt>
                <c:pt idx="353">
                  <c:v>16.5</c:v>
                </c:pt>
                <c:pt idx="354">
                  <c:v>16.100000000000001</c:v>
                </c:pt>
                <c:pt idx="355">
                  <c:v>16.3</c:v>
                </c:pt>
                <c:pt idx="356">
                  <c:v>16.3</c:v>
                </c:pt>
                <c:pt idx="357">
                  <c:v>16.5</c:v>
                </c:pt>
                <c:pt idx="358">
                  <c:v>16.899999999999999</c:v>
                </c:pt>
                <c:pt idx="359">
                  <c:v>17.3</c:v>
                </c:pt>
                <c:pt idx="360">
                  <c:v>17.600000000000001</c:v>
                </c:pt>
                <c:pt idx="361">
                  <c:v>17.7</c:v>
                </c:pt>
                <c:pt idx="362">
                  <c:v>17.899999999999999</c:v>
                </c:pt>
                <c:pt idx="363">
                  <c:v>18.100000000000001</c:v>
                </c:pt>
                <c:pt idx="364">
                  <c:v>17.7</c:v>
                </c:pt>
                <c:pt idx="365">
                  <c:v>17.7</c:v>
                </c:pt>
                <c:pt idx="366">
                  <c:v>17.3</c:v>
                </c:pt>
                <c:pt idx="367">
                  <c:v>17.3</c:v>
                </c:pt>
                <c:pt idx="368">
                  <c:v>17.600000000000001</c:v>
                </c:pt>
                <c:pt idx="369">
                  <c:v>17.7</c:v>
                </c:pt>
                <c:pt idx="370">
                  <c:v>17.7</c:v>
                </c:pt>
                <c:pt idx="371">
                  <c:v>18.2</c:v>
                </c:pt>
                <c:pt idx="372">
                  <c:v>18.2</c:v>
                </c:pt>
                <c:pt idx="373">
                  <c:v>18.100000000000001</c:v>
                </c:pt>
                <c:pt idx="374">
                  <c:v>18.399999999999999</c:v>
                </c:pt>
                <c:pt idx="375">
                  <c:v>19.8</c:v>
                </c:pt>
                <c:pt idx="376">
                  <c:v>21.4</c:v>
                </c:pt>
                <c:pt idx="377">
                  <c:v>22.5</c:v>
                </c:pt>
                <c:pt idx="378">
                  <c:v>24.3</c:v>
                </c:pt>
                <c:pt idx="379">
                  <c:v>23.7</c:v>
                </c:pt>
                <c:pt idx="380">
                  <c:v>23.2</c:v>
                </c:pt>
                <c:pt idx="381">
                  <c:v>22.9</c:v>
                </c:pt>
                <c:pt idx="382">
                  <c:v>21.9</c:v>
                </c:pt>
                <c:pt idx="383">
                  <c:v>21.1</c:v>
                </c:pt>
                <c:pt idx="384">
                  <c:v>19.7</c:v>
                </c:pt>
                <c:pt idx="385">
                  <c:v>19</c:v>
                </c:pt>
                <c:pt idx="386">
                  <c:v>17.3</c:v>
                </c:pt>
                <c:pt idx="387">
                  <c:v>17.3</c:v>
                </c:pt>
                <c:pt idx="388">
                  <c:v>17.600000000000001</c:v>
                </c:pt>
                <c:pt idx="389">
                  <c:v>17.899999999999999</c:v>
                </c:pt>
                <c:pt idx="390">
                  <c:v>18.100000000000001</c:v>
                </c:pt>
                <c:pt idx="391">
                  <c:v>18.399999999999999</c:v>
                </c:pt>
                <c:pt idx="392">
                  <c:v>18.5</c:v>
                </c:pt>
                <c:pt idx="393">
                  <c:v>19</c:v>
                </c:pt>
                <c:pt idx="394">
                  <c:v>19.3</c:v>
                </c:pt>
                <c:pt idx="395">
                  <c:v>19.5</c:v>
                </c:pt>
                <c:pt idx="396">
                  <c:v>19.3</c:v>
                </c:pt>
                <c:pt idx="397">
                  <c:v>19.8</c:v>
                </c:pt>
                <c:pt idx="398">
                  <c:v>20</c:v>
                </c:pt>
                <c:pt idx="399">
                  <c:v>20.100000000000001</c:v>
                </c:pt>
                <c:pt idx="400">
                  <c:v>21.9</c:v>
                </c:pt>
                <c:pt idx="401">
                  <c:v>23</c:v>
                </c:pt>
                <c:pt idx="402">
                  <c:v>23.3</c:v>
                </c:pt>
                <c:pt idx="403">
                  <c:v>23</c:v>
                </c:pt>
                <c:pt idx="404">
                  <c:v>23</c:v>
                </c:pt>
                <c:pt idx="405">
                  <c:v>22.5</c:v>
                </c:pt>
                <c:pt idx="406">
                  <c:v>21.7</c:v>
                </c:pt>
                <c:pt idx="407">
                  <c:v>21.1</c:v>
                </c:pt>
                <c:pt idx="408">
                  <c:v>20.6</c:v>
                </c:pt>
                <c:pt idx="409">
                  <c:v>19.7</c:v>
                </c:pt>
                <c:pt idx="410">
                  <c:v>19</c:v>
                </c:pt>
                <c:pt idx="411">
                  <c:v>18.899999999999999</c:v>
                </c:pt>
                <c:pt idx="412">
                  <c:v>19</c:v>
                </c:pt>
                <c:pt idx="413">
                  <c:v>19.3</c:v>
                </c:pt>
                <c:pt idx="414">
                  <c:v>19.3</c:v>
                </c:pt>
                <c:pt idx="415">
                  <c:v>19.8</c:v>
                </c:pt>
                <c:pt idx="416">
                  <c:v>20.100000000000001</c:v>
                </c:pt>
                <c:pt idx="417">
                  <c:v>20.6</c:v>
                </c:pt>
                <c:pt idx="418">
                  <c:v>21.1</c:v>
                </c:pt>
                <c:pt idx="419">
                  <c:v>21.9</c:v>
                </c:pt>
                <c:pt idx="420">
                  <c:v>22.4</c:v>
                </c:pt>
                <c:pt idx="421">
                  <c:v>22.9</c:v>
                </c:pt>
                <c:pt idx="422">
                  <c:v>23.2</c:v>
                </c:pt>
                <c:pt idx="423">
                  <c:v>23.5</c:v>
                </c:pt>
                <c:pt idx="424">
                  <c:v>23.7</c:v>
                </c:pt>
                <c:pt idx="425">
                  <c:v>23.5</c:v>
                </c:pt>
                <c:pt idx="426">
                  <c:v>23.5</c:v>
                </c:pt>
                <c:pt idx="427">
                  <c:v>23.7</c:v>
                </c:pt>
                <c:pt idx="428">
                  <c:v>23.2</c:v>
                </c:pt>
                <c:pt idx="429">
                  <c:v>22.5</c:v>
                </c:pt>
                <c:pt idx="430">
                  <c:v>22.5</c:v>
                </c:pt>
                <c:pt idx="431">
                  <c:v>21.7</c:v>
                </c:pt>
                <c:pt idx="432">
                  <c:v>21.3</c:v>
                </c:pt>
                <c:pt idx="433">
                  <c:v>21.1</c:v>
                </c:pt>
                <c:pt idx="434">
                  <c:v>19.8</c:v>
                </c:pt>
                <c:pt idx="435">
                  <c:v>19.3</c:v>
                </c:pt>
                <c:pt idx="436">
                  <c:v>19.5</c:v>
                </c:pt>
                <c:pt idx="437">
                  <c:v>19.8</c:v>
                </c:pt>
                <c:pt idx="438">
                  <c:v>20</c:v>
                </c:pt>
                <c:pt idx="439">
                  <c:v>20</c:v>
                </c:pt>
                <c:pt idx="440">
                  <c:v>20.100000000000001</c:v>
                </c:pt>
                <c:pt idx="441">
                  <c:v>20.5</c:v>
                </c:pt>
                <c:pt idx="442">
                  <c:v>20.6</c:v>
                </c:pt>
                <c:pt idx="443">
                  <c:v>20.3</c:v>
                </c:pt>
                <c:pt idx="444">
                  <c:v>20.8</c:v>
                </c:pt>
                <c:pt idx="445">
                  <c:v>21.3</c:v>
                </c:pt>
                <c:pt idx="446">
                  <c:v>21.9</c:v>
                </c:pt>
                <c:pt idx="447">
                  <c:v>22.5</c:v>
                </c:pt>
                <c:pt idx="448">
                  <c:v>22.7</c:v>
                </c:pt>
                <c:pt idx="449">
                  <c:v>22.4</c:v>
                </c:pt>
                <c:pt idx="450">
                  <c:v>22.4</c:v>
                </c:pt>
                <c:pt idx="451">
                  <c:v>22.5</c:v>
                </c:pt>
                <c:pt idx="452">
                  <c:v>20.9</c:v>
                </c:pt>
                <c:pt idx="453">
                  <c:v>20.100000000000001</c:v>
                </c:pt>
                <c:pt idx="454">
                  <c:v>19.7</c:v>
                </c:pt>
                <c:pt idx="455">
                  <c:v>19.2</c:v>
                </c:pt>
                <c:pt idx="456">
                  <c:v>18.7</c:v>
                </c:pt>
                <c:pt idx="457">
                  <c:v>18.100000000000001</c:v>
                </c:pt>
                <c:pt idx="458">
                  <c:v>15.8</c:v>
                </c:pt>
                <c:pt idx="459">
                  <c:v>15.2</c:v>
                </c:pt>
                <c:pt idx="460">
                  <c:v>14.7</c:v>
                </c:pt>
                <c:pt idx="461">
                  <c:v>14.9</c:v>
                </c:pt>
                <c:pt idx="462">
                  <c:v>15</c:v>
                </c:pt>
                <c:pt idx="463">
                  <c:v>15.2</c:v>
                </c:pt>
                <c:pt idx="464">
                  <c:v>15.3</c:v>
                </c:pt>
                <c:pt idx="465">
                  <c:v>15.7</c:v>
                </c:pt>
                <c:pt idx="466">
                  <c:v>16</c:v>
                </c:pt>
                <c:pt idx="467">
                  <c:v>16.3</c:v>
                </c:pt>
                <c:pt idx="468">
                  <c:v>16.5</c:v>
                </c:pt>
                <c:pt idx="469">
                  <c:v>16.899999999999999</c:v>
                </c:pt>
                <c:pt idx="470">
                  <c:v>17.3</c:v>
                </c:pt>
                <c:pt idx="471">
                  <c:v>17.7</c:v>
                </c:pt>
                <c:pt idx="472">
                  <c:v>17.899999999999999</c:v>
                </c:pt>
                <c:pt idx="473">
                  <c:v>17.899999999999999</c:v>
                </c:pt>
                <c:pt idx="474">
                  <c:v>17.7</c:v>
                </c:pt>
                <c:pt idx="475">
                  <c:v>17.7</c:v>
                </c:pt>
                <c:pt idx="476">
                  <c:v>16.600000000000001</c:v>
                </c:pt>
                <c:pt idx="477">
                  <c:v>16.3</c:v>
                </c:pt>
                <c:pt idx="478">
                  <c:v>15.7</c:v>
                </c:pt>
                <c:pt idx="479">
                  <c:v>15.3</c:v>
                </c:pt>
                <c:pt idx="480">
                  <c:v>14.7</c:v>
                </c:pt>
                <c:pt idx="481">
                  <c:v>14.9</c:v>
                </c:pt>
                <c:pt idx="482">
                  <c:v>14.4</c:v>
                </c:pt>
                <c:pt idx="483">
                  <c:v>14.5</c:v>
                </c:pt>
                <c:pt idx="484">
                  <c:v>14.9</c:v>
                </c:pt>
                <c:pt idx="485">
                  <c:v>15.3</c:v>
                </c:pt>
                <c:pt idx="486">
                  <c:v>15.3</c:v>
                </c:pt>
                <c:pt idx="487">
                  <c:v>15.7</c:v>
                </c:pt>
                <c:pt idx="488">
                  <c:v>16</c:v>
                </c:pt>
                <c:pt idx="489">
                  <c:v>16.5</c:v>
                </c:pt>
                <c:pt idx="490">
                  <c:v>16.600000000000001</c:v>
                </c:pt>
                <c:pt idx="491">
                  <c:v>16.899999999999999</c:v>
                </c:pt>
                <c:pt idx="492">
                  <c:v>17.399999999999999</c:v>
                </c:pt>
                <c:pt idx="493">
                  <c:v>17.7</c:v>
                </c:pt>
                <c:pt idx="494">
                  <c:v>18.2</c:v>
                </c:pt>
                <c:pt idx="495">
                  <c:v>18.5</c:v>
                </c:pt>
                <c:pt idx="496">
                  <c:v>18.7</c:v>
                </c:pt>
                <c:pt idx="497">
                  <c:v>18.899999999999999</c:v>
                </c:pt>
                <c:pt idx="498">
                  <c:v>18.5</c:v>
                </c:pt>
                <c:pt idx="499">
                  <c:v>17.899999999999999</c:v>
                </c:pt>
                <c:pt idx="500">
                  <c:v>17.399999999999999</c:v>
                </c:pt>
                <c:pt idx="501">
                  <c:v>17.3</c:v>
                </c:pt>
                <c:pt idx="502">
                  <c:v>16.899999999999999</c:v>
                </c:pt>
                <c:pt idx="503">
                  <c:v>15.7</c:v>
                </c:pt>
                <c:pt idx="504">
                  <c:v>15</c:v>
                </c:pt>
                <c:pt idx="505">
                  <c:v>14.4</c:v>
                </c:pt>
                <c:pt idx="506">
                  <c:v>14.1</c:v>
                </c:pt>
                <c:pt idx="507">
                  <c:v>13.9</c:v>
                </c:pt>
                <c:pt idx="508">
                  <c:v>13.9</c:v>
                </c:pt>
                <c:pt idx="509">
                  <c:v>14.1</c:v>
                </c:pt>
                <c:pt idx="510">
                  <c:v>14.2</c:v>
                </c:pt>
                <c:pt idx="511">
                  <c:v>14.4</c:v>
                </c:pt>
                <c:pt idx="512">
                  <c:v>14.5</c:v>
                </c:pt>
                <c:pt idx="513">
                  <c:v>14.7</c:v>
                </c:pt>
                <c:pt idx="514">
                  <c:v>14.9</c:v>
                </c:pt>
                <c:pt idx="515">
                  <c:v>15.2</c:v>
                </c:pt>
                <c:pt idx="516">
                  <c:v>15.3</c:v>
                </c:pt>
                <c:pt idx="517">
                  <c:v>15.5</c:v>
                </c:pt>
                <c:pt idx="518">
                  <c:v>16</c:v>
                </c:pt>
                <c:pt idx="519">
                  <c:v>16.600000000000001</c:v>
                </c:pt>
                <c:pt idx="520">
                  <c:v>16.8</c:v>
                </c:pt>
                <c:pt idx="521">
                  <c:v>16.5</c:v>
                </c:pt>
                <c:pt idx="522">
                  <c:v>16.3</c:v>
                </c:pt>
                <c:pt idx="523">
                  <c:v>15.5</c:v>
                </c:pt>
                <c:pt idx="524">
                  <c:v>15</c:v>
                </c:pt>
                <c:pt idx="525">
                  <c:v>14.4</c:v>
                </c:pt>
                <c:pt idx="526">
                  <c:v>14.5</c:v>
                </c:pt>
                <c:pt idx="527">
                  <c:v>14.4</c:v>
                </c:pt>
                <c:pt idx="528">
                  <c:v>14.2</c:v>
                </c:pt>
                <c:pt idx="529">
                  <c:v>14.1</c:v>
                </c:pt>
                <c:pt idx="530">
                  <c:v>13.9</c:v>
                </c:pt>
                <c:pt idx="531">
                  <c:v>13.6</c:v>
                </c:pt>
                <c:pt idx="532">
                  <c:v>13.4</c:v>
                </c:pt>
                <c:pt idx="533">
                  <c:v>13.4</c:v>
                </c:pt>
                <c:pt idx="534">
                  <c:v>13.6</c:v>
                </c:pt>
                <c:pt idx="535">
                  <c:v>13.7</c:v>
                </c:pt>
                <c:pt idx="536">
                  <c:v>13.7</c:v>
                </c:pt>
                <c:pt idx="537">
                  <c:v>13.9</c:v>
                </c:pt>
                <c:pt idx="538">
                  <c:v>14.4</c:v>
                </c:pt>
                <c:pt idx="539">
                  <c:v>14.5</c:v>
                </c:pt>
                <c:pt idx="540">
                  <c:v>14.7</c:v>
                </c:pt>
                <c:pt idx="541">
                  <c:v>14.7</c:v>
                </c:pt>
                <c:pt idx="542">
                  <c:v>14.9</c:v>
                </c:pt>
                <c:pt idx="543">
                  <c:v>15</c:v>
                </c:pt>
                <c:pt idx="544">
                  <c:v>15.3</c:v>
                </c:pt>
                <c:pt idx="545">
                  <c:v>15.5</c:v>
                </c:pt>
                <c:pt idx="546">
                  <c:v>15.7</c:v>
                </c:pt>
                <c:pt idx="547">
                  <c:v>15.7</c:v>
                </c:pt>
                <c:pt idx="548">
                  <c:v>15.7</c:v>
                </c:pt>
                <c:pt idx="549">
                  <c:v>15.8</c:v>
                </c:pt>
                <c:pt idx="550">
                  <c:v>16</c:v>
                </c:pt>
                <c:pt idx="551">
                  <c:v>16</c:v>
                </c:pt>
                <c:pt idx="552">
                  <c:v>16.100000000000001</c:v>
                </c:pt>
                <c:pt idx="553">
                  <c:v>16.3</c:v>
                </c:pt>
                <c:pt idx="554">
                  <c:v>16</c:v>
                </c:pt>
                <c:pt idx="555">
                  <c:v>16</c:v>
                </c:pt>
                <c:pt idx="556">
                  <c:v>16</c:v>
                </c:pt>
                <c:pt idx="557">
                  <c:v>16</c:v>
                </c:pt>
                <c:pt idx="558">
                  <c:v>16</c:v>
                </c:pt>
                <c:pt idx="559">
                  <c:v>15.8</c:v>
                </c:pt>
                <c:pt idx="560">
                  <c:v>16</c:v>
                </c:pt>
                <c:pt idx="561">
                  <c:v>16.100000000000001</c:v>
                </c:pt>
                <c:pt idx="562">
                  <c:v>16.3</c:v>
                </c:pt>
                <c:pt idx="563">
                  <c:v>16.100000000000001</c:v>
                </c:pt>
                <c:pt idx="564">
                  <c:v>16.100000000000001</c:v>
                </c:pt>
                <c:pt idx="565">
                  <c:v>16.3</c:v>
                </c:pt>
                <c:pt idx="566">
                  <c:v>16.5</c:v>
                </c:pt>
                <c:pt idx="567">
                  <c:v>16.5</c:v>
                </c:pt>
                <c:pt idx="568">
                  <c:v>16.600000000000001</c:v>
                </c:pt>
                <c:pt idx="569">
                  <c:v>16.600000000000001</c:v>
                </c:pt>
                <c:pt idx="570">
                  <c:v>16.5</c:v>
                </c:pt>
                <c:pt idx="571">
                  <c:v>16.5</c:v>
                </c:pt>
                <c:pt idx="572">
                  <c:v>16.100000000000001</c:v>
                </c:pt>
                <c:pt idx="573">
                  <c:v>16</c:v>
                </c:pt>
                <c:pt idx="574">
                  <c:v>16</c:v>
                </c:pt>
                <c:pt idx="575">
                  <c:v>15.7</c:v>
                </c:pt>
                <c:pt idx="576">
                  <c:v>15.3</c:v>
                </c:pt>
                <c:pt idx="577">
                  <c:v>15</c:v>
                </c:pt>
                <c:pt idx="578">
                  <c:v>14.7</c:v>
                </c:pt>
                <c:pt idx="579">
                  <c:v>14.5</c:v>
                </c:pt>
                <c:pt idx="580">
                  <c:v>14.2</c:v>
                </c:pt>
                <c:pt idx="581">
                  <c:v>14.4</c:v>
                </c:pt>
                <c:pt idx="582">
                  <c:v>14.4</c:v>
                </c:pt>
                <c:pt idx="583">
                  <c:v>14.7</c:v>
                </c:pt>
                <c:pt idx="584">
                  <c:v>15.2</c:v>
                </c:pt>
                <c:pt idx="585">
                  <c:v>15</c:v>
                </c:pt>
                <c:pt idx="586">
                  <c:v>17.3</c:v>
                </c:pt>
                <c:pt idx="587">
                  <c:v>17.3</c:v>
                </c:pt>
                <c:pt idx="588">
                  <c:v>17.3</c:v>
                </c:pt>
                <c:pt idx="589">
                  <c:v>17.3</c:v>
                </c:pt>
                <c:pt idx="590">
                  <c:v>17.3</c:v>
                </c:pt>
                <c:pt idx="591">
                  <c:v>15.8</c:v>
                </c:pt>
                <c:pt idx="592">
                  <c:v>16.3</c:v>
                </c:pt>
                <c:pt idx="593">
                  <c:v>17.3</c:v>
                </c:pt>
                <c:pt idx="594">
                  <c:v>16.3</c:v>
                </c:pt>
                <c:pt idx="595">
                  <c:v>16</c:v>
                </c:pt>
                <c:pt idx="596">
                  <c:v>16</c:v>
                </c:pt>
                <c:pt idx="597">
                  <c:v>16.8</c:v>
                </c:pt>
                <c:pt idx="598">
                  <c:v>17.100000000000001</c:v>
                </c:pt>
                <c:pt idx="599">
                  <c:v>16.899999999999999</c:v>
                </c:pt>
                <c:pt idx="600">
                  <c:v>16.600000000000001</c:v>
                </c:pt>
                <c:pt idx="601">
                  <c:v>16.600000000000001</c:v>
                </c:pt>
                <c:pt idx="602">
                  <c:v>17.100000000000001</c:v>
                </c:pt>
                <c:pt idx="603">
                  <c:v>17.399999999999999</c:v>
                </c:pt>
                <c:pt idx="604">
                  <c:v>18.2</c:v>
                </c:pt>
                <c:pt idx="605">
                  <c:v>19.2</c:v>
                </c:pt>
                <c:pt idx="606">
                  <c:v>18.5</c:v>
                </c:pt>
                <c:pt idx="607">
                  <c:v>20.5</c:v>
                </c:pt>
                <c:pt idx="608">
                  <c:v>20.8</c:v>
                </c:pt>
                <c:pt idx="609">
                  <c:v>20.9</c:v>
                </c:pt>
                <c:pt idx="610">
                  <c:v>21.4</c:v>
                </c:pt>
                <c:pt idx="611">
                  <c:v>22.1</c:v>
                </c:pt>
                <c:pt idx="612">
                  <c:v>22.5</c:v>
                </c:pt>
                <c:pt idx="613">
                  <c:v>22.7</c:v>
                </c:pt>
                <c:pt idx="614">
                  <c:v>22.9</c:v>
                </c:pt>
                <c:pt idx="615">
                  <c:v>22.7</c:v>
                </c:pt>
                <c:pt idx="616">
                  <c:v>22.5</c:v>
                </c:pt>
                <c:pt idx="617">
                  <c:v>22.7</c:v>
                </c:pt>
                <c:pt idx="618">
                  <c:v>22.7</c:v>
                </c:pt>
                <c:pt idx="619">
                  <c:v>21.9</c:v>
                </c:pt>
                <c:pt idx="620">
                  <c:v>20.6</c:v>
                </c:pt>
                <c:pt idx="621">
                  <c:v>20.5</c:v>
                </c:pt>
                <c:pt idx="622">
                  <c:v>20.5</c:v>
                </c:pt>
                <c:pt idx="623">
                  <c:v>18.5</c:v>
                </c:pt>
                <c:pt idx="624">
                  <c:v>17.7</c:v>
                </c:pt>
                <c:pt idx="625">
                  <c:v>17.899999999999999</c:v>
                </c:pt>
                <c:pt idx="626">
                  <c:v>18.2</c:v>
                </c:pt>
                <c:pt idx="627">
                  <c:v>18.899999999999999</c:v>
                </c:pt>
                <c:pt idx="628">
                  <c:v>19.2</c:v>
                </c:pt>
                <c:pt idx="629">
                  <c:v>19.7</c:v>
                </c:pt>
                <c:pt idx="630">
                  <c:v>20.100000000000001</c:v>
                </c:pt>
                <c:pt idx="631">
                  <c:v>20.5</c:v>
                </c:pt>
                <c:pt idx="632">
                  <c:v>20.9</c:v>
                </c:pt>
                <c:pt idx="633">
                  <c:v>21.4</c:v>
                </c:pt>
                <c:pt idx="634">
                  <c:v>21.9</c:v>
                </c:pt>
                <c:pt idx="635">
                  <c:v>22.5</c:v>
                </c:pt>
                <c:pt idx="636">
                  <c:v>23.2</c:v>
                </c:pt>
                <c:pt idx="637">
                  <c:v>23.3</c:v>
                </c:pt>
                <c:pt idx="638">
                  <c:v>23.3</c:v>
                </c:pt>
                <c:pt idx="639">
                  <c:v>23.8</c:v>
                </c:pt>
                <c:pt idx="640">
                  <c:v>23.7</c:v>
                </c:pt>
                <c:pt idx="641">
                  <c:v>21.1</c:v>
                </c:pt>
                <c:pt idx="642">
                  <c:v>20.5</c:v>
                </c:pt>
                <c:pt idx="643">
                  <c:v>19</c:v>
                </c:pt>
                <c:pt idx="644">
                  <c:v>18.399999999999999</c:v>
                </c:pt>
                <c:pt idx="645">
                  <c:v>16.899999999999999</c:v>
                </c:pt>
                <c:pt idx="646">
                  <c:v>16.8</c:v>
                </c:pt>
                <c:pt idx="647">
                  <c:v>15.2</c:v>
                </c:pt>
                <c:pt idx="648">
                  <c:v>14.5</c:v>
                </c:pt>
                <c:pt idx="649">
                  <c:v>14.9</c:v>
                </c:pt>
                <c:pt idx="650">
                  <c:v>15.2</c:v>
                </c:pt>
                <c:pt idx="651">
                  <c:v>15.5</c:v>
                </c:pt>
                <c:pt idx="652">
                  <c:v>15.7</c:v>
                </c:pt>
                <c:pt idx="653">
                  <c:v>16</c:v>
                </c:pt>
                <c:pt idx="654">
                  <c:v>16.3</c:v>
                </c:pt>
                <c:pt idx="655">
                  <c:v>16.8</c:v>
                </c:pt>
                <c:pt idx="656">
                  <c:v>17.100000000000001</c:v>
                </c:pt>
                <c:pt idx="657">
                  <c:v>17.3</c:v>
                </c:pt>
                <c:pt idx="658">
                  <c:v>17.600000000000001</c:v>
                </c:pt>
                <c:pt idx="659">
                  <c:v>18.2</c:v>
                </c:pt>
                <c:pt idx="660">
                  <c:v>19.2</c:v>
                </c:pt>
                <c:pt idx="661">
                  <c:v>19.3</c:v>
                </c:pt>
                <c:pt idx="662">
                  <c:v>19.7</c:v>
                </c:pt>
                <c:pt idx="663">
                  <c:v>19.8</c:v>
                </c:pt>
                <c:pt idx="664">
                  <c:v>19.5</c:v>
                </c:pt>
                <c:pt idx="665">
                  <c:v>19</c:v>
                </c:pt>
                <c:pt idx="666">
                  <c:v>18.5</c:v>
                </c:pt>
                <c:pt idx="667">
                  <c:v>18.5</c:v>
                </c:pt>
                <c:pt idx="668">
                  <c:v>16.3</c:v>
                </c:pt>
                <c:pt idx="669">
                  <c:v>15.8</c:v>
                </c:pt>
                <c:pt idx="670">
                  <c:v>15.2</c:v>
                </c:pt>
                <c:pt idx="671">
                  <c:v>14.7</c:v>
                </c:pt>
                <c:pt idx="672">
                  <c:v>14.7</c:v>
                </c:pt>
                <c:pt idx="673">
                  <c:v>15</c:v>
                </c:pt>
                <c:pt idx="674">
                  <c:v>15.2</c:v>
                </c:pt>
                <c:pt idx="675">
                  <c:v>15.5</c:v>
                </c:pt>
                <c:pt idx="676">
                  <c:v>15.8</c:v>
                </c:pt>
                <c:pt idx="677">
                  <c:v>16</c:v>
                </c:pt>
                <c:pt idx="678">
                  <c:v>16.5</c:v>
                </c:pt>
                <c:pt idx="679">
                  <c:v>16.600000000000001</c:v>
                </c:pt>
                <c:pt idx="680">
                  <c:v>16.8</c:v>
                </c:pt>
                <c:pt idx="681">
                  <c:v>16.899999999999999</c:v>
                </c:pt>
                <c:pt idx="682">
                  <c:v>17.3</c:v>
                </c:pt>
                <c:pt idx="683">
                  <c:v>17.7</c:v>
                </c:pt>
                <c:pt idx="684">
                  <c:v>18.100000000000001</c:v>
                </c:pt>
                <c:pt idx="685">
                  <c:v>18.5</c:v>
                </c:pt>
                <c:pt idx="686">
                  <c:v>19.2</c:v>
                </c:pt>
                <c:pt idx="687">
                  <c:v>14.7</c:v>
                </c:pt>
                <c:pt idx="688">
                  <c:v>12.5</c:v>
                </c:pt>
                <c:pt idx="689">
                  <c:v>11.2</c:v>
                </c:pt>
                <c:pt idx="690">
                  <c:v>11.3</c:v>
                </c:pt>
                <c:pt idx="691">
                  <c:v>11.8</c:v>
                </c:pt>
                <c:pt idx="692">
                  <c:v>12.1</c:v>
                </c:pt>
                <c:pt idx="693">
                  <c:v>12.8</c:v>
                </c:pt>
                <c:pt idx="694">
                  <c:v>12.9</c:v>
                </c:pt>
                <c:pt idx="695">
                  <c:v>13.6</c:v>
                </c:pt>
                <c:pt idx="696">
                  <c:v>14.9</c:v>
                </c:pt>
                <c:pt idx="697">
                  <c:v>14.7</c:v>
                </c:pt>
                <c:pt idx="698">
                  <c:v>14.5</c:v>
                </c:pt>
                <c:pt idx="699">
                  <c:v>14.2</c:v>
                </c:pt>
                <c:pt idx="700">
                  <c:v>14.5</c:v>
                </c:pt>
                <c:pt idx="701">
                  <c:v>13.9</c:v>
                </c:pt>
                <c:pt idx="702">
                  <c:v>13.1</c:v>
                </c:pt>
                <c:pt idx="703">
                  <c:v>12.6</c:v>
                </c:pt>
                <c:pt idx="704">
                  <c:v>12</c:v>
                </c:pt>
                <c:pt idx="705">
                  <c:v>11.7</c:v>
                </c:pt>
                <c:pt idx="706">
                  <c:v>11.3</c:v>
                </c:pt>
                <c:pt idx="707">
                  <c:v>11.2</c:v>
                </c:pt>
                <c:pt idx="708">
                  <c:v>11.2</c:v>
                </c:pt>
                <c:pt idx="709">
                  <c:v>11</c:v>
                </c:pt>
                <c:pt idx="710">
                  <c:v>11</c:v>
                </c:pt>
                <c:pt idx="711">
                  <c:v>11</c:v>
                </c:pt>
                <c:pt idx="712">
                  <c:v>11.2</c:v>
                </c:pt>
                <c:pt idx="713">
                  <c:v>11.5</c:v>
                </c:pt>
                <c:pt idx="714">
                  <c:v>12.1</c:v>
                </c:pt>
                <c:pt idx="715">
                  <c:v>12.3</c:v>
                </c:pt>
                <c:pt idx="716">
                  <c:v>12.8</c:v>
                </c:pt>
                <c:pt idx="717">
                  <c:v>12.9</c:v>
                </c:pt>
                <c:pt idx="718">
                  <c:v>12.8</c:v>
                </c:pt>
                <c:pt idx="719">
                  <c:v>12.6</c:v>
                </c:pt>
                <c:pt idx="720">
                  <c:v>12.3</c:v>
                </c:pt>
                <c:pt idx="721">
                  <c:v>11.8</c:v>
                </c:pt>
                <c:pt idx="722">
                  <c:v>11.7</c:v>
                </c:pt>
                <c:pt idx="723">
                  <c:v>11.2</c:v>
                </c:pt>
                <c:pt idx="724">
                  <c:v>10.4</c:v>
                </c:pt>
                <c:pt idx="725">
                  <c:v>10.5</c:v>
                </c:pt>
                <c:pt idx="726">
                  <c:v>10.9</c:v>
                </c:pt>
                <c:pt idx="727">
                  <c:v>10.9</c:v>
                </c:pt>
                <c:pt idx="728">
                  <c:v>11</c:v>
                </c:pt>
                <c:pt idx="729">
                  <c:v>11.3</c:v>
                </c:pt>
                <c:pt idx="730">
                  <c:v>11.8</c:v>
                </c:pt>
                <c:pt idx="731">
                  <c:v>12.1</c:v>
                </c:pt>
                <c:pt idx="732">
                  <c:v>12.6</c:v>
                </c:pt>
                <c:pt idx="733">
                  <c:v>13.3</c:v>
                </c:pt>
                <c:pt idx="734">
                  <c:v>12.9</c:v>
                </c:pt>
                <c:pt idx="735">
                  <c:v>12.3</c:v>
                </c:pt>
                <c:pt idx="736">
                  <c:v>12.1</c:v>
                </c:pt>
                <c:pt idx="737">
                  <c:v>11.5</c:v>
                </c:pt>
                <c:pt idx="738">
                  <c:v>11</c:v>
                </c:pt>
                <c:pt idx="739">
                  <c:v>10.7</c:v>
                </c:pt>
                <c:pt idx="740">
                  <c:v>10.199999999999999</c:v>
                </c:pt>
                <c:pt idx="741">
                  <c:v>10.4</c:v>
                </c:pt>
                <c:pt idx="742">
                  <c:v>10.7</c:v>
                </c:pt>
                <c:pt idx="743">
                  <c:v>10.9</c:v>
                </c:pt>
                <c:pt idx="744">
                  <c:v>11</c:v>
                </c:pt>
                <c:pt idx="745">
                  <c:v>11.3</c:v>
                </c:pt>
                <c:pt idx="746">
                  <c:v>11.5</c:v>
                </c:pt>
                <c:pt idx="747">
                  <c:v>11.7</c:v>
                </c:pt>
                <c:pt idx="748">
                  <c:v>11.8</c:v>
                </c:pt>
                <c:pt idx="749">
                  <c:v>12.1</c:v>
                </c:pt>
                <c:pt idx="750">
                  <c:v>12.1</c:v>
                </c:pt>
                <c:pt idx="751">
                  <c:v>12.5</c:v>
                </c:pt>
                <c:pt idx="752">
                  <c:v>12.5</c:v>
                </c:pt>
                <c:pt idx="753">
                  <c:v>12.5</c:v>
                </c:pt>
                <c:pt idx="754">
                  <c:v>12.1</c:v>
                </c:pt>
                <c:pt idx="755">
                  <c:v>12.1</c:v>
                </c:pt>
                <c:pt idx="756">
                  <c:v>12.3</c:v>
                </c:pt>
                <c:pt idx="757">
                  <c:v>12.6</c:v>
                </c:pt>
                <c:pt idx="758">
                  <c:v>12.9</c:v>
                </c:pt>
                <c:pt idx="759">
                  <c:v>13.9</c:v>
                </c:pt>
                <c:pt idx="760">
                  <c:v>14.5</c:v>
                </c:pt>
                <c:pt idx="761">
                  <c:v>15.5</c:v>
                </c:pt>
                <c:pt idx="762">
                  <c:v>15.2</c:v>
                </c:pt>
                <c:pt idx="763">
                  <c:v>15.8</c:v>
                </c:pt>
                <c:pt idx="764">
                  <c:v>16</c:v>
                </c:pt>
                <c:pt idx="765">
                  <c:v>15.3</c:v>
                </c:pt>
                <c:pt idx="766">
                  <c:v>14.7</c:v>
                </c:pt>
                <c:pt idx="767">
                  <c:v>15</c:v>
                </c:pt>
                <c:pt idx="768">
                  <c:v>16.5</c:v>
                </c:pt>
                <c:pt idx="769">
                  <c:v>16.8</c:v>
                </c:pt>
                <c:pt idx="770">
                  <c:v>13.1</c:v>
                </c:pt>
                <c:pt idx="771">
                  <c:v>12.9</c:v>
                </c:pt>
                <c:pt idx="772">
                  <c:v>12.5</c:v>
                </c:pt>
                <c:pt idx="773">
                  <c:v>12.1</c:v>
                </c:pt>
                <c:pt idx="774">
                  <c:v>11.3</c:v>
                </c:pt>
                <c:pt idx="775">
                  <c:v>10.4</c:v>
                </c:pt>
                <c:pt idx="776">
                  <c:v>10.199999999999999</c:v>
                </c:pt>
                <c:pt idx="777">
                  <c:v>10.199999999999999</c:v>
                </c:pt>
                <c:pt idx="778">
                  <c:v>10.1</c:v>
                </c:pt>
                <c:pt idx="779">
                  <c:v>10.4</c:v>
                </c:pt>
                <c:pt idx="780">
                  <c:v>10.7</c:v>
                </c:pt>
                <c:pt idx="781">
                  <c:v>10.7</c:v>
                </c:pt>
                <c:pt idx="782">
                  <c:v>10.7</c:v>
                </c:pt>
                <c:pt idx="783">
                  <c:v>11</c:v>
                </c:pt>
                <c:pt idx="784">
                  <c:v>11.2</c:v>
                </c:pt>
                <c:pt idx="785">
                  <c:v>11.7</c:v>
                </c:pt>
                <c:pt idx="786">
                  <c:v>12.5</c:v>
                </c:pt>
                <c:pt idx="787">
                  <c:v>13.1</c:v>
                </c:pt>
                <c:pt idx="788">
                  <c:v>13.7</c:v>
                </c:pt>
                <c:pt idx="789">
                  <c:v>13.6</c:v>
                </c:pt>
                <c:pt idx="790">
                  <c:v>13.4</c:v>
                </c:pt>
                <c:pt idx="791">
                  <c:v>12.9</c:v>
                </c:pt>
                <c:pt idx="792">
                  <c:v>12.8</c:v>
                </c:pt>
                <c:pt idx="793">
                  <c:v>11.8</c:v>
                </c:pt>
                <c:pt idx="794">
                  <c:v>11.5</c:v>
                </c:pt>
                <c:pt idx="795">
                  <c:v>12.6</c:v>
                </c:pt>
                <c:pt idx="796">
                  <c:v>13.4</c:v>
                </c:pt>
                <c:pt idx="797">
                  <c:v>13.9</c:v>
                </c:pt>
                <c:pt idx="798">
                  <c:v>14.1</c:v>
                </c:pt>
                <c:pt idx="799">
                  <c:v>14.5</c:v>
                </c:pt>
                <c:pt idx="800">
                  <c:v>14.7</c:v>
                </c:pt>
                <c:pt idx="801">
                  <c:v>15</c:v>
                </c:pt>
                <c:pt idx="802">
                  <c:v>15.3</c:v>
                </c:pt>
                <c:pt idx="803">
                  <c:v>16</c:v>
                </c:pt>
                <c:pt idx="804">
                  <c:v>16.100000000000001</c:v>
                </c:pt>
                <c:pt idx="805">
                  <c:v>15.8</c:v>
                </c:pt>
                <c:pt idx="806">
                  <c:v>15.7</c:v>
                </c:pt>
                <c:pt idx="807">
                  <c:v>15.3</c:v>
                </c:pt>
                <c:pt idx="808">
                  <c:v>13.6</c:v>
                </c:pt>
                <c:pt idx="809">
                  <c:v>12.8</c:v>
                </c:pt>
                <c:pt idx="810">
                  <c:v>12.6</c:v>
                </c:pt>
                <c:pt idx="811">
                  <c:v>12.9</c:v>
                </c:pt>
                <c:pt idx="812">
                  <c:v>14.2</c:v>
                </c:pt>
                <c:pt idx="813">
                  <c:v>14.9</c:v>
                </c:pt>
                <c:pt idx="814">
                  <c:v>15</c:v>
                </c:pt>
                <c:pt idx="815">
                  <c:v>15.2</c:v>
                </c:pt>
                <c:pt idx="816">
                  <c:v>15.3</c:v>
                </c:pt>
                <c:pt idx="817">
                  <c:v>15.7</c:v>
                </c:pt>
                <c:pt idx="818">
                  <c:v>16</c:v>
                </c:pt>
                <c:pt idx="819">
                  <c:v>17.100000000000001</c:v>
                </c:pt>
                <c:pt idx="820">
                  <c:v>17.399999999999999</c:v>
                </c:pt>
                <c:pt idx="821">
                  <c:v>17.399999999999999</c:v>
                </c:pt>
                <c:pt idx="822">
                  <c:v>17.899999999999999</c:v>
                </c:pt>
                <c:pt idx="823">
                  <c:v>17.100000000000001</c:v>
                </c:pt>
                <c:pt idx="824">
                  <c:v>15.2</c:v>
                </c:pt>
                <c:pt idx="825">
                  <c:v>14.9</c:v>
                </c:pt>
                <c:pt idx="826">
                  <c:v>14.5</c:v>
                </c:pt>
                <c:pt idx="827">
                  <c:v>11.3</c:v>
                </c:pt>
                <c:pt idx="828">
                  <c:v>11.8</c:v>
                </c:pt>
                <c:pt idx="829">
                  <c:v>12.3</c:v>
                </c:pt>
                <c:pt idx="830">
                  <c:v>12.5</c:v>
                </c:pt>
                <c:pt idx="831">
                  <c:v>12.8</c:v>
                </c:pt>
                <c:pt idx="832">
                  <c:v>12.5</c:v>
                </c:pt>
                <c:pt idx="833">
                  <c:v>11.7</c:v>
                </c:pt>
                <c:pt idx="834">
                  <c:v>11.3</c:v>
                </c:pt>
                <c:pt idx="835">
                  <c:v>11.2</c:v>
                </c:pt>
                <c:pt idx="836">
                  <c:v>10.5</c:v>
                </c:pt>
                <c:pt idx="837">
                  <c:v>9.6999999999999993</c:v>
                </c:pt>
                <c:pt idx="838">
                  <c:v>8.9</c:v>
                </c:pt>
                <c:pt idx="839">
                  <c:v>8.6</c:v>
                </c:pt>
                <c:pt idx="840">
                  <c:v>8</c:v>
                </c:pt>
                <c:pt idx="841">
                  <c:v>7.2</c:v>
                </c:pt>
                <c:pt idx="842">
                  <c:v>7.3</c:v>
                </c:pt>
                <c:pt idx="843">
                  <c:v>7.5</c:v>
                </c:pt>
                <c:pt idx="844">
                  <c:v>7.7</c:v>
                </c:pt>
                <c:pt idx="845">
                  <c:v>8</c:v>
                </c:pt>
                <c:pt idx="846">
                  <c:v>8.3000000000000007</c:v>
                </c:pt>
                <c:pt idx="847">
                  <c:v>8.6</c:v>
                </c:pt>
                <c:pt idx="848">
                  <c:v>9.3000000000000007</c:v>
                </c:pt>
                <c:pt idx="849">
                  <c:v>9.6</c:v>
                </c:pt>
                <c:pt idx="850">
                  <c:v>9.6999999999999993</c:v>
                </c:pt>
                <c:pt idx="851">
                  <c:v>10.4</c:v>
                </c:pt>
                <c:pt idx="852">
                  <c:v>10.4</c:v>
                </c:pt>
                <c:pt idx="853">
                  <c:v>9.9</c:v>
                </c:pt>
                <c:pt idx="854">
                  <c:v>8.8000000000000007</c:v>
                </c:pt>
                <c:pt idx="855">
                  <c:v>8.6</c:v>
                </c:pt>
                <c:pt idx="856">
                  <c:v>8.6</c:v>
                </c:pt>
                <c:pt idx="857">
                  <c:v>8.5</c:v>
                </c:pt>
                <c:pt idx="858">
                  <c:v>8.5</c:v>
                </c:pt>
                <c:pt idx="859">
                  <c:v>7.8</c:v>
                </c:pt>
                <c:pt idx="860">
                  <c:v>7.8</c:v>
                </c:pt>
                <c:pt idx="861">
                  <c:v>7.5</c:v>
                </c:pt>
                <c:pt idx="862">
                  <c:v>7.2</c:v>
                </c:pt>
                <c:pt idx="863">
                  <c:v>6.9</c:v>
                </c:pt>
                <c:pt idx="864">
                  <c:v>6.4</c:v>
                </c:pt>
                <c:pt idx="865">
                  <c:v>6.4</c:v>
                </c:pt>
                <c:pt idx="866">
                  <c:v>6.5</c:v>
                </c:pt>
                <c:pt idx="867">
                  <c:v>6.7</c:v>
                </c:pt>
                <c:pt idx="868">
                  <c:v>6.7</c:v>
                </c:pt>
                <c:pt idx="869">
                  <c:v>7</c:v>
                </c:pt>
                <c:pt idx="870">
                  <c:v>7.2</c:v>
                </c:pt>
                <c:pt idx="871">
                  <c:v>7</c:v>
                </c:pt>
                <c:pt idx="872">
                  <c:v>6.9</c:v>
                </c:pt>
                <c:pt idx="873">
                  <c:v>6.4</c:v>
                </c:pt>
                <c:pt idx="874">
                  <c:v>7.2</c:v>
                </c:pt>
                <c:pt idx="875">
                  <c:v>7</c:v>
                </c:pt>
                <c:pt idx="876">
                  <c:v>6.7</c:v>
                </c:pt>
                <c:pt idx="877">
                  <c:v>6.5</c:v>
                </c:pt>
                <c:pt idx="878">
                  <c:v>6.1</c:v>
                </c:pt>
                <c:pt idx="879">
                  <c:v>6.5</c:v>
                </c:pt>
                <c:pt idx="880">
                  <c:v>6.7</c:v>
                </c:pt>
                <c:pt idx="881">
                  <c:v>6.9</c:v>
                </c:pt>
                <c:pt idx="882">
                  <c:v>7.5</c:v>
                </c:pt>
                <c:pt idx="883">
                  <c:v>7.8</c:v>
                </c:pt>
                <c:pt idx="884">
                  <c:v>8.1</c:v>
                </c:pt>
                <c:pt idx="885">
                  <c:v>8.5</c:v>
                </c:pt>
                <c:pt idx="886">
                  <c:v>8.9</c:v>
                </c:pt>
                <c:pt idx="887">
                  <c:v>9.3000000000000007</c:v>
                </c:pt>
                <c:pt idx="888">
                  <c:v>9.4</c:v>
                </c:pt>
                <c:pt idx="889">
                  <c:v>9.6999999999999993</c:v>
                </c:pt>
                <c:pt idx="890">
                  <c:v>9.9</c:v>
                </c:pt>
                <c:pt idx="891">
                  <c:v>10.5</c:v>
                </c:pt>
                <c:pt idx="892">
                  <c:v>10.5</c:v>
                </c:pt>
                <c:pt idx="893">
                  <c:v>10.4</c:v>
                </c:pt>
                <c:pt idx="894">
                  <c:v>10.4</c:v>
                </c:pt>
                <c:pt idx="895">
                  <c:v>10.4</c:v>
                </c:pt>
                <c:pt idx="896">
                  <c:v>10.4</c:v>
                </c:pt>
                <c:pt idx="897">
                  <c:v>10.9</c:v>
                </c:pt>
                <c:pt idx="898">
                  <c:v>11.5</c:v>
                </c:pt>
                <c:pt idx="899">
                  <c:v>11.5</c:v>
                </c:pt>
                <c:pt idx="900">
                  <c:v>11.8</c:v>
                </c:pt>
                <c:pt idx="901">
                  <c:v>12</c:v>
                </c:pt>
                <c:pt idx="902">
                  <c:v>12.3</c:v>
                </c:pt>
                <c:pt idx="903">
                  <c:v>12.5</c:v>
                </c:pt>
                <c:pt idx="904">
                  <c:v>12.8</c:v>
                </c:pt>
                <c:pt idx="905">
                  <c:v>12.8</c:v>
                </c:pt>
                <c:pt idx="906">
                  <c:v>12.8</c:v>
                </c:pt>
                <c:pt idx="907">
                  <c:v>12.5</c:v>
                </c:pt>
                <c:pt idx="908">
                  <c:v>13.7</c:v>
                </c:pt>
                <c:pt idx="909">
                  <c:v>13.6</c:v>
                </c:pt>
                <c:pt idx="910">
                  <c:v>15.7</c:v>
                </c:pt>
                <c:pt idx="911">
                  <c:v>17.399999999999999</c:v>
                </c:pt>
                <c:pt idx="912">
                  <c:v>17.899999999999999</c:v>
                </c:pt>
                <c:pt idx="913">
                  <c:v>17.7</c:v>
                </c:pt>
                <c:pt idx="914">
                  <c:v>10.5</c:v>
                </c:pt>
                <c:pt idx="915">
                  <c:v>10.199999999999999</c:v>
                </c:pt>
                <c:pt idx="916">
                  <c:v>10.199999999999999</c:v>
                </c:pt>
                <c:pt idx="917">
                  <c:v>10.199999999999999</c:v>
                </c:pt>
                <c:pt idx="918">
                  <c:v>10.7</c:v>
                </c:pt>
                <c:pt idx="919">
                  <c:v>10.7</c:v>
                </c:pt>
                <c:pt idx="920">
                  <c:v>10.5</c:v>
                </c:pt>
                <c:pt idx="921">
                  <c:v>10.4</c:v>
                </c:pt>
                <c:pt idx="922">
                  <c:v>10.4</c:v>
                </c:pt>
                <c:pt idx="923">
                  <c:v>10.4</c:v>
                </c:pt>
                <c:pt idx="924">
                  <c:v>10.4</c:v>
                </c:pt>
                <c:pt idx="925">
                  <c:v>9.9</c:v>
                </c:pt>
                <c:pt idx="926">
                  <c:v>8.6</c:v>
                </c:pt>
                <c:pt idx="927">
                  <c:v>8.3000000000000007</c:v>
                </c:pt>
                <c:pt idx="928">
                  <c:v>8.1</c:v>
                </c:pt>
                <c:pt idx="929">
                  <c:v>8.1</c:v>
                </c:pt>
                <c:pt idx="930">
                  <c:v>8.3000000000000007</c:v>
                </c:pt>
                <c:pt idx="931">
                  <c:v>8.1</c:v>
                </c:pt>
                <c:pt idx="932">
                  <c:v>8.5</c:v>
                </c:pt>
                <c:pt idx="933">
                  <c:v>8.6</c:v>
                </c:pt>
                <c:pt idx="934">
                  <c:v>9.1</c:v>
                </c:pt>
                <c:pt idx="935">
                  <c:v>9.6</c:v>
                </c:pt>
                <c:pt idx="936">
                  <c:v>10.1</c:v>
                </c:pt>
                <c:pt idx="937">
                  <c:v>11.2</c:v>
                </c:pt>
                <c:pt idx="938">
                  <c:v>20.5</c:v>
                </c:pt>
                <c:pt idx="939">
                  <c:v>21.6</c:v>
                </c:pt>
                <c:pt idx="940">
                  <c:v>20.3</c:v>
                </c:pt>
                <c:pt idx="941">
                  <c:v>18.899999999999999</c:v>
                </c:pt>
                <c:pt idx="942">
                  <c:v>17.7</c:v>
                </c:pt>
                <c:pt idx="943">
                  <c:v>16.899999999999999</c:v>
                </c:pt>
                <c:pt idx="944">
                  <c:v>17.100000000000001</c:v>
                </c:pt>
                <c:pt idx="945">
                  <c:v>17.100000000000001</c:v>
                </c:pt>
                <c:pt idx="946">
                  <c:v>17.399999999999999</c:v>
                </c:pt>
                <c:pt idx="947">
                  <c:v>17.7</c:v>
                </c:pt>
                <c:pt idx="948">
                  <c:v>18.100000000000001</c:v>
                </c:pt>
                <c:pt idx="949">
                  <c:v>19.2</c:v>
                </c:pt>
                <c:pt idx="950">
                  <c:v>19.8</c:v>
                </c:pt>
                <c:pt idx="951">
                  <c:v>20.5</c:v>
                </c:pt>
                <c:pt idx="952">
                  <c:v>21.1</c:v>
                </c:pt>
                <c:pt idx="953">
                  <c:v>21.4</c:v>
                </c:pt>
                <c:pt idx="954">
                  <c:v>21.3</c:v>
                </c:pt>
                <c:pt idx="955">
                  <c:v>21.1</c:v>
                </c:pt>
                <c:pt idx="956">
                  <c:v>20.8</c:v>
                </c:pt>
                <c:pt idx="957">
                  <c:v>20.5</c:v>
                </c:pt>
                <c:pt idx="958">
                  <c:v>20</c:v>
                </c:pt>
                <c:pt idx="959">
                  <c:v>18.7</c:v>
                </c:pt>
                <c:pt idx="960">
                  <c:v>17.899999999999999</c:v>
                </c:pt>
                <c:pt idx="961">
                  <c:v>16.100000000000001</c:v>
                </c:pt>
                <c:pt idx="962">
                  <c:v>15.3</c:v>
                </c:pt>
                <c:pt idx="963">
                  <c:v>15.3</c:v>
                </c:pt>
                <c:pt idx="964">
                  <c:v>16</c:v>
                </c:pt>
                <c:pt idx="965">
                  <c:v>16.3</c:v>
                </c:pt>
                <c:pt idx="966">
                  <c:v>17.3</c:v>
                </c:pt>
                <c:pt idx="967">
                  <c:v>17.600000000000001</c:v>
                </c:pt>
                <c:pt idx="968">
                  <c:v>18.2</c:v>
                </c:pt>
                <c:pt idx="969">
                  <c:v>18.7</c:v>
                </c:pt>
                <c:pt idx="970">
                  <c:v>18.899999999999999</c:v>
                </c:pt>
                <c:pt idx="971">
                  <c:v>19.3</c:v>
                </c:pt>
                <c:pt idx="972">
                  <c:v>19.5</c:v>
                </c:pt>
                <c:pt idx="973">
                  <c:v>18.7</c:v>
                </c:pt>
                <c:pt idx="974">
                  <c:v>18.2</c:v>
                </c:pt>
                <c:pt idx="975">
                  <c:v>17.399999999999999</c:v>
                </c:pt>
                <c:pt idx="976">
                  <c:v>16.600000000000001</c:v>
                </c:pt>
                <c:pt idx="977">
                  <c:v>15.8</c:v>
                </c:pt>
                <c:pt idx="978">
                  <c:v>15.8</c:v>
                </c:pt>
                <c:pt idx="979">
                  <c:v>15</c:v>
                </c:pt>
                <c:pt idx="980">
                  <c:v>14.5</c:v>
                </c:pt>
                <c:pt idx="981">
                  <c:v>14.2</c:v>
                </c:pt>
                <c:pt idx="982">
                  <c:v>14.4</c:v>
                </c:pt>
                <c:pt idx="983">
                  <c:v>14.9</c:v>
                </c:pt>
                <c:pt idx="984">
                  <c:v>15.2</c:v>
                </c:pt>
                <c:pt idx="985">
                  <c:v>15.5</c:v>
                </c:pt>
                <c:pt idx="986">
                  <c:v>15.8</c:v>
                </c:pt>
                <c:pt idx="987">
                  <c:v>16.100000000000001</c:v>
                </c:pt>
                <c:pt idx="988">
                  <c:v>16.5</c:v>
                </c:pt>
                <c:pt idx="989">
                  <c:v>16.600000000000001</c:v>
                </c:pt>
                <c:pt idx="990">
                  <c:v>16.899999999999999</c:v>
                </c:pt>
                <c:pt idx="991">
                  <c:v>17.399999999999999</c:v>
                </c:pt>
                <c:pt idx="992">
                  <c:v>17.7</c:v>
                </c:pt>
                <c:pt idx="993">
                  <c:v>18.2</c:v>
                </c:pt>
                <c:pt idx="994">
                  <c:v>18.399999999999999</c:v>
                </c:pt>
                <c:pt idx="995">
                  <c:v>18.5</c:v>
                </c:pt>
                <c:pt idx="996">
                  <c:v>18.5</c:v>
                </c:pt>
                <c:pt idx="997">
                  <c:v>18.399999999999999</c:v>
                </c:pt>
                <c:pt idx="998">
                  <c:v>18.100000000000001</c:v>
                </c:pt>
                <c:pt idx="999">
                  <c:v>17.399999999999999</c:v>
                </c:pt>
                <c:pt idx="1000">
                  <c:v>16.3</c:v>
                </c:pt>
                <c:pt idx="1001">
                  <c:v>16</c:v>
                </c:pt>
                <c:pt idx="1002">
                  <c:v>15</c:v>
                </c:pt>
                <c:pt idx="1003">
                  <c:v>12.8</c:v>
                </c:pt>
                <c:pt idx="1004">
                  <c:v>12.8</c:v>
                </c:pt>
                <c:pt idx="1005">
                  <c:v>12.8</c:v>
                </c:pt>
                <c:pt idx="1006">
                  <c:v>12.6</c:v>
                </c:pt>
                <c:pt idx="1007">
                  <c:v>12.1</c:v>
                </c:pt>
                <c:pt idx="1008">
                  <c:v>10.199999999999999</c:v>
                </c:pt>
                <c:pt idx="1009">
                  <c:v>9.9</c:v>
                </c:pt>
                <c:pt idx="1010">
                  <c:v>10.199999999999999</c:v>
                </c:pt>
                <c:pt idx="1011">
                  <c:v>10.4</c:v>
                </c:pt>
                <c:pt idx="1012">
                  <c:v>10.5</c:v>
                </c:pt>
                <c:pt idx="1013">
                  <c:v>10.7</c:v>
                </c:pt>
                <c:pt idx="1014">
                  <c:v>11</c:v>
                </c:pt>
                <c:pt idx="1015">
                  <c:v>11.2</c:v>
                </c:pt>
                <c:pt idx="1016">
                  <c:v>11.2</c:v>
                </c:pt>
                <c:pt idx="1017">
                  <c:v>11.2</c:v>
                </c:pt>
                <c:pt idx="1018">
                  <c:v>10.9</c:v>
                </c:pt>
                <c:pt idx="1019">
                  <c:v>10.4</c:v>
                </c:pt>
                <c:pt idx="1020">
                  <c:v>10.1</c:v>
                </c:pt>
                <c:pt idx="1021">
                  <c:v>9.1</c:v>
                </c:pt>
                <c:pt idx="1022">
                  <c:v>8.8000000000000007</c:v>
                </c:pt>
                <c:pt idx="1023">
                  <c:v>8.6</c:v>
                </c:pt>
                <c:pt idx="1024">
                  <c:v>7.8</c:v>
                </c:pt>
                <c:pt idx="1025">
                  <c:v>7.2</c:v>
                </c:pt>
                <c:pt idx="1026">
                  <c:v>7.5</c:v>
                </c:pt>
                <c:pt idx="1027">
                  <c:v>7.5</c:v>
                </c:pt>
                <c:pt idx="1028">
                  <c:v>7.7</c:v>
                </c:pt>
                <c:pt idx="1029">
                  <c:v>7.8</c:v>
                </c:pt>
                <c:pt idx="1030">
                  <c:v>8.3000000000000007</c:v>
                </c:pt>
                <c:pt idx="1031">
                  <c:v>8.6</c:v>
                </c:pt>
                <c:pt idx="1032">
                  <c:v>8.9</c:v>
                </c:pt>
                <c:pt idx="1033">
                  <c:v>9.4</c:v>
                </c:pt>
                <c:pt idx="1034">
                  <c:v>9.4</c:v>
                </c:pt>
                <c:pt idx="1035">
                  <c:v>9.6999999999999993</c:v>
                </c:pt>
                <c:pt idx="1036">
                  <c:v>9.9</c:v>
                </c:pt>
                <c:pt idx="1037">
                  <c:v>10.4</c:v>
                </c:pt>
                <c:pt idx="1038">
                  <c:v>10.7</c:v>
                </c:pt>
                <c:pt idx="1039">
                  <c:v>10.9</c:v>
                </c:pt>
                <c:pt idx="1040">
                  <c:v>11.3</c:v>
                </c:pt>
                <c:pt idx="1041">
                  <c:v>11.3</c:v>
                </c:pt>
                <c:pt idx="1042">
                  <c:v>11.2</c:v>
                </c:pt>
                <c:pt idx="1043">
                  <c:v>11</c:v>
                </c:pt>
                <c:pt idx="1044">
                  <c:v>10.9</c:v>
                </c:pt>
                <c:pt idx="1045">
                  <c:v>10.7</c:v>
                </c:pt>
                <c:pt idx="1046">
                  <c:v>10.9</c:v>
                </c:pt>
                <c:pt idx="1047">
                  <c:v>11.8</c:v>
                </c:pt>
                <c:pt idx="1048">
                  <c:v>11.3</c:v>
                </c:pt>
                <c:pt idx="1049">
                  <c:v>11.3</c:v>
                </c:pt>
                <c:pt idx="1050">
                  <c:v>11.2</c:v>
                </c:pt>
                <c:pt idx="1051">
                  <c:v>11.2</c:v>
                </c:pt>
                <c:pt idx="1052">
                  <c:v>12.3</c:v>
                </c:pt>
                <c:pt idx="1053">
                  <c:v>12.1</c:v>
                </c:pt>
                <c:pt idx="1054">
                  <c:v>12.1</c:v>
                </c:pt>
                <c:pt idx="1055">
                  <c:v>12.5</c:v>
                </c:pt>
                <c:pt idx="1056">
                  <c:v>14.4</c:v>
                </c:pt>
                <c:pt idx="1057">
                  <c:v>16</c:v>
                </c:pt>
                <c:pt idx="1058">
                  <c:v>16</c:v>
                </c:pt>
                <c:pt idx="1059">
                  <c:v>16.899999999999999</c:v>
                </c:pt>
                <c:pt idx="1060">
                  <c:v>17.3</c:v>
                </c:pt>
                <c:pt idx="1061">
                  <c:v>17.899999999999999</c:v>
                </c:pt>
                <c:pt idx="1062">
                  <c:v>18.5</c:v>
                </c:pt>
                <c:pt idx="1063">
                  <c:v>18.399999999999999</c:v>
                </c:pt>
                <c:pt idx="1064">
                  <c:v>17.899999999999999</c:v>
                </c:pt>
                <c:pt idx="1065">
                  <c:v>16.899999999999999</c:v>
                </c:pt>
                <c:pt idx="1066">
                  <c:v>15.8</c:v>
                </c:pt>
                <c:pt idx="1067">
                  <c:v>14.9</c:v>
                </c:pt>
                <c:pt idx="1068">
                  <c:v>14.1</c:v>
                </c:pt>
                <c:pt idx="1069">
                  <c:v>13.4</c:v>
                </c:pt>
                <c:pt idx="1070">
                  <c:v>13.4</c:v>
                </c:pt>
                <c:pt idx="1071">
                  <c:v>13.6</c:v>
                </c:pt>
                <c:pt idx="1072">
                  <c:v>13.9</c:v>
                </c:pt>
                <c:pt idx="1073">
                  <c:v>14.1</c:v>
                </c:pt>
                <c:pt idx="1074">
                  <c:v>14.2</c:v>
                </c:pt>
                <c:pt idx="1075">
                  <c:v>14.7</c:v>
                </c:pt>
                <c:pt idx="1076">
                  <c:v>15.2</c:v>
                </c:pt>
                <c:pt idx="1077">
                  <c:v>15.7</c:v>
                </c:pt>
                <c:pt idx="1078">
                  <c:v>16.3</c:v>
                </c:pt>
                <c:pt idx="1079">
                  <c:v>16.899999999999999</c:v>
                </c:pt>
                <c:pt idx="1080">
                  <c:v>17.399999999999999</c:v>
                </c:pt>
                <c:pt idx="1081">
                  <c:v>18.100000000000001</c:v>
                </c:pt>
                <c:pt idx="1082">
                  <c:v>18.5</c:v>
                </c:pt>
                <c:pt idx="1083">
                  <c:v>18.7</c:v>
                </c:pt>
                <c:pt idx="1084">
                  <c:v>18.7</c:v>
                </c:pt>
                <c:pt idx="1085">
                  <c:v>18.399999999999999</c:v>
                </c:pt>
                <c:pt idx="1086">
                  <c:v>18.100000000000001</c:v>
                </c:pt>
                <c:pt idx="1087">
                  <c:v>17.3</c:v>
                </c:pt>
                <c:pt idx="1088">
                  <c:v>16.100000000000001</c:v>
                </c:pt>
                <c:pt idx="1089">
                  <c:v>15.2</c:v>
                </c:pt>
                <c:pt idx="1090">
                  <c:v>14.4</c:v>
                </c:pt>
                <c:pt idx="1091">
                  <c:v>13.4</c:v>
                </c:pt>
                <c:pt idx="1092">
                  <c:v>13.1</c:v>
                </c:pt>
                <c:pt idx="1093">
                  <c:v>12.3</c:v>
                </c:pt>
                <c:pt idx="1094">
                  <c:v>12.3</c:v>
                </c:pt>
                <c:pt idx="1095">
                  <c:v>12.6</c:v>
                </c:pt>
                <c:pt idx="1096">
                  <c:v>12.9</c:v>
                </c:pt>
                <c:pt idx="1097">
                  <c:v>13.1</c:v>
                </c:pt>
                <c:pt idx="1098">
                  <c:v>13.7</c:v>
                </c:pt>
                <c:pt idx="1099">
                  <c:v>13.9</c:v>
                </c:pt>
                <c:pt idx="1100">
                  <c:v>14.4</c:v>
                </c:pt>
                <c:pt idx="1101">
                  <c:v>14.7</c:v>
                </c:pt>
                <c:pt idx="1102">
                  <c:v>15.2</c:v>
                </c:pt>
                <c:pt idx="1103">
                  <c:v>15.7</c:v>
                </c:pt>
                <c:pt idx="1104">
                  <c:v>16</c:v>
                </c:pt>
                <c:pt idx="1105">
                  <c:v>16.5</c:v>
                </c:pt>
                <c:pt idx="1106">
                  <c:v>17.3</c:v>
                </c:pt>
                <c:pt idx="1107">
                  <c:v>17.899999999999999</c:v>
                </c:pt>
                <c:pt idx="1108">
                  <c:v>18.2</c:v>
                </c:pt>
                <c:pt idx="1109">
                  <c:v>17.899999999999999</c:v>
                </c:pt>
                <c:pt idx="1110">
                  <c:v>17.3</c:v>
                </c:pt>
                <c:pt idx="1111">
                  <c:v>16.5</c:v>
                </c:pt>
                <c:pt idx="1112">
                  <c:v>15.2</c:v>
                </c:pt>
                <c:pt idx="1113">
                  <c:v>14.2</c:v>
                </c:pt>
                <c:pt idx="1114">
                  <c:v>12.6</c:v>
                </c:pt>
                <c:pt idx="1115">
                  <c:v>12.1</c:v>
                </c:pt>
                <c:pt idx="1116">
                  <c:v>12</c:v>
                </c:pt>
                <c:pt idx="1117">
                  <c:v>11</c:v>
                </c:pt>
                <c:pt idx="1118">
                  <c:v>11.2</c:v>
                </c:pt>
                <c:pt idx="1119">
                  <c:v>11.5</c:v>
                </c:pt>
                <c:pt idx="1120">
                  <c:v>11.8</c:v>
                </c:pt>
                <c:pt idx="1121">
                  <c:v>12.1</c:v>
                </c:pt>
                <c:pt idx="1122">
                  <c:v>12.8</c:v>
                </c:pt>
                <c:pt idx="1123">
                  <c:v>13.6</c:v>
                </c:pt>
                <c:pt idx="1124">
                  <c:v>13.9</c:v>
                </c:pt>
                <c:pt idx="1125">
                  <c:v>14.4</c:v>
                </c:pt>
                <c:pt idx="1126">
                  <c:v>14.9</c:v>
                </c:pt>
                <c:pt idx="1127">
                  <c:v>15.2</c:v>
                </c:pt>
                <c:pt idx="1128">
                  <c:v>15.7</c:v>
                </c:pt>
                <c:pt idx="1129">
                  <c:v>16</c:v>
                </c:pt>
                <c:pt idx="1130">
                  <c:v>1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97B-4A5D-A22D-F275A00FA2D2}"/>
            </c:ext>
          </c:extLst>
        </c:ser>
        <c:ser>
          <c:idx val="1"/>
          <c:order val="1"/>
          <c:tx>
            <c:strRef>
              <c:f>グラフ!$I$2</c:f>
              <c:strCache>
                <c:ptCount val="1"/>
                <c:pt idx="0">
                  <c:v>変位/10mm</c:v>
                </c:pt>
              </c:strCache>
            </c:strRef>
          </c:tx>
          <c:marker>
            <c:symbol val="none"/>
          </c:marker>
          <c:trendline>
            <c:trendlineType val="linear"/>
            <c:dispRSqr val="0"/>
            <c:dispEq val="1"/>
            <c:trendlineLbl>
              <c:layout>
                <c:manualLayout>
                  <c:x val="-4.6247769028871392E-2"/>
                  <c:y val="-0.1267543110365642"/>
                </c:manualLayout>
              </c:layout>
              <c:numFmt formatCode="General" sourceLinked="0"/>
            </c:trendlineLbl>
          </c:trendline>
          <c:xVal>
            <c:numRef>
              <c:f>グラフ!$G$6:$G$1136</c:f>
              <c:numCache>
                <c:formatCode>yyyy/m/d\ h:mm;@</c:formatCode>
                <c:ptCount val="1131"/>
                <c:pt idx="0">
                  <c:v>43238.33011574074</c:v>
                </c:pt>
                <c:pt idx="1">
                  <c:v>43238.288518518515</c:v>
                </c:pt>
                <c:pt idx="2">
                  <c:v>43238.246886574074</c:v>
                </c:pt>
                <c:pt idx="3">
                  <c:v>43238.205370370371</c:v>
                </c:pt>
                <c:pt idx="4">
                  <c:v>43238.163819444446</c:v>
                </c:pt>
                <c:pt idx="5">
                  <c:v>43238.122233796297</c:v>
                </c:pt>
                <c:pt idx="6">
                  <c:v>43238.080578703702</c:v>
                </c:pt>
                <c:pt idx="7">
                  <c:v>43238.038993055554</c:v>
                </c:pt>
                <c:pt idx="8">
                  <c:v>43237.997349537036</c:v>
                </c:pt>
                <c:pt idx="9">
                  <c:v>43237.955775462964</c:v>
                </c:pt>
                <c:pt idx="10">
                  <c:v>43237.914155092592</c:v>
                </c:pt>
                <c:pt idx="11">
                  <c:v>43237.872557870367</c:v>
                </c:pt>
                <c:pt idx="12">
                  <c:v>43237.830960648149</c:v>
                </c:pt>
                <c:pt idx="13">
                  <c:v>43237.789340277777</c:v>
                </c:pt>
                <c:pt idx="14">
                  <c:v>43237.747696759259</c:v>
                </c:pt>
                <c:pt idx="15">
                  <c:v>43237.706064814818</c:v>
                </c:pt>
                <c:pt idx="16">
                  <c:v>43237.664490740739</c:v>
                </c:pt>
                <c:pt idx="17">
                  <c:v>43237.622928240744</c:v>
                </c:pt>
                <c:pt idx="18">
                  <c:v>43237.581296296295</c:v>
                </c:pt>
                <c:pt idx="19">
                  <c:v>43237.539699074077</c:v>
                </c:pt>
                <c:pt idx="20">
                  <c:v>43237.456469907411</c:v>
                </c:pt>
                <c:pt idx="21">
                  <c:v>43237.414930555555</c:v>
                </c:pt>
                <c:pt idx="22">
                  <c:v>43237.37332175926</c:v>
                </c:pt>
                <c:pt idx="23">
                  <c:v>43237.331712962965</c:v>
                </c:pt>
                <c:pt idx="24">
                  <c:v>43237.290127314816</c:v>
                </c:pt>
                <c:pt idx="25">
                  <c:v>43237.24858796296</c:v>
                </c:pt>
                <c:pt idx="26">
                  <c:v>43237.206956018519</c:v>
                </c:pt>
                <c:pt idx="27">
                  <c:v>43237.165405092594</c:v>
                </c:pt>
                <c:pt idx="28">
                  <c:v>43237.123807870368</c:v>
                </c:pt>
                <c:pt idx="29">
                  <c:v>43237.08221064815</c:v>
                </c:pt>
                <c:pt idx="30">
                  <c:v>43237.040636574071</c:v>
                </c:pt>
                <c:pt idx="31">
                  <c:v>43236.99900462963</c:v>
                </c:pt>
                <c:pt idx="32">
                  <c:v>43236.957395833335</c:v>
                </c:pt>
                <c:pt idx="33">
                  <c:v>43236.915844907409</c:v>
                </c:pt>
                <c:pt idx="34">
                  <c:v>43236.874212962961</c:v>
                </c:pt>
                <c:pt idx="35">
                  <c:v>43236.832731481481</c:v>
                </c:pt>
                <c:pt idx="36">
                  <c:v>43236.791168981479</c:v>
                </c:pt>
                <c:pt idx="37">
                  <c:v>43236.74962962963</c:v>
                </c:pt>
                <c:pt idx="38">
                  <c:v>43236.708009259259</c:v>
                </c:pt>
                <c:pt idx="39">
                  <c:v>43236.666435185187</c:v>
                </c:pt>
                <c:pt idx="40">
                  <c:v>43236.6249537037</c:v>
                </c:pt>
                <c:pt idx="41">
                  <c:v>43236.583368055559</c:v>
                </c:pt>
                <c:pt idx="42">
                  <c:v>43236.541828703703</c:v>
                </c:pt>
                <c:pt idx="43">
                  <c:v>43236.500277777777</c:v>
                </c:pt>
                <c:pt idx="44">
                  <c:v>43236.458622685182</c:v>
                </c:pt>
                <c:pt idx="45">
                  <c:v>43236.417013888888</c:v>
                </c:pt>
                <c:pt idx="46">
                  <c:v>43236.375393518516</c:v>
                </c:pt>
                <c:pt idx="47">
                  <c:v>43236.333854166667</c:v>
                </c:pt>
                <c:pt idx="48">
                  <c:v>43236.292245370372</c:v>
                </c:pt>
                <c:pt idx="49">
                  <c:v>43236.250671296293</c:v>
                </c:pt>
                <c:pt idx="50">
                  <c:v>43236.209074074075</c:v>
                </c:pt>
                <c:pt idx="51">
                  <c:v>43236.167430555557</c:v>
                </c:pt>
                <c:pt idx="52">
                  <c:v>43236.125833333332</c:v>
                </c:pt>
                <c:pt idx="53">
                  <c:v>43236.08425925926</c:v>
                </c:pt>
                <c:pt idx="54">
                  <c:v>43236.042615740742</c:v>
                </c:pt>
                <c:pt idx="55">
                  <c:v>43236.00105324074</c:v>
                </c:pt>
                <c:pt idx="56">
                  <c:v>43235.959490740737</c:v>
                </c:pt>
                <c:pt idx="57">
                  <c:v>43235.917986111112</c:v>
                </c:pt>
                <c:pt idx="58">
                  <c:v>43235.876388888886</c:v>
                </c:pt>
                <c:pt idx="59">
                  <c:v>43235.834803240738</c:v>
                </c:pt>
                <c:pt idx="60">
                  <c:v>43235.793229166666</c:v>
                </c:pt>
                <c:pt idx="61">
                  <c:v>43235.751631944448</c:v>
                </c:pt>
                <c:pt idx="62">
                  <c:v>43235.710011574076</c:v>
                </c:pt>
                <c:pt idx="63">
                  <c:v>43235.668402777781</c:v>
                </c:pt>
                <c:pt idx="64">
                  <c:v>43235.626759259256</c:v>
                </c:pt>
                <c:pt idx="65">
                  <c:v>43235.585173611114</c:v>
                </c:pt>
                <c:pt idx="66">
                  <c:v>43235.543506944443</c:v>
                </c:pt>
                <c:pt idx="67">
                  <c:v>43235.501886574071</c:v>
                </c:pt>
                <c:pt idx="68">
                  <c:v>43235.460347222222</c:v>
                </c:pt>
                <c:pt idx="69">
                  <c:v>43235.418773148151</c:v>
                </c:pt>
                <c:pt idx="70">
                  <c:v>43235.377141203702</c:v>
                </c:pt>
                <c:pt idx="71">
                  <c:v>43235.335497685184</c:v>
                </c:pt>
                <c:pt idx="72">
                  <c:v>43235.293877314813</c:v>
                </c:pt>
                <c:pt idx="73">
                  <c:v>43235.252256944441</c:v>
                </c:pt>
                <c:pt idx="74">
                  <c:v>43235.210636574076</c:v>
                </c:pt>
                <c:pt idx="75">
                  <c:v>43235.168993055559</c:v>
                </c:pt>
                <c:pt idx="76">
                  <c:v>43235.12736111111</c:v>
                </c:pt>
                <c:pt idx="77">
                  <c:v>43235.085729166669</c:v>
                </c:pt>
                <c:pt idx="78">
                  <c:v>43235.04414351852</c:v>
                </c:pt>
                <c:pt idx="79">
                  <c:v>43235.002511574072</c:v>
                </c:pt>
                <c:pt idx="80">
                  <c:v>43234.9608912037</c:v>
                </c:pt>
                <c:pt idx="81">
                  <c:v>43234.919259259259</c:v>
                </c:pt>
                <c:pt idx="82">
                  <c:v>43234.877638888887</c:v>
                </c:pt>
                <c:pt idx="83">
                  <c:v>43234.836006944446</c:v>
                </c:pt>
                <c:pt idx="84">
                  <c:v>43234.794363425928</c:v>
                </c:pt>
                <c:pt idx="85">
                  <c:v>43234.752812500003</c:v>
                </c:pt>
                <c:pt idx="86">
                  <c:v>43234.711192129631</c:v>
                </c:pt>
                <c:pt idx="87">
                  <c:v>43234.669641203705</c:v>
                </c:pt>
                <c:pt idx="88">
                  <c:v>43234.627997685187</c:v>
                </c:pt>
                <c:pt idx="89">
                  <c:v>43234.586458333331</c:v>
                </c:pt>
                <c:pt idx="90">
                  <c:v>43234.544895833336</c:v>
                </c:pt>
                <c:pt idx="91">
                  <c:v>43234.503263888888</c:v>
                </c:pt>
                <c:pt idx="92">
                  <c:v>43234.461643518516</c:v>
                </c:pt>
                <c:pt idx="93">
                  <c:v>43234.420023148145</c:v>
                </c:pt>
                <c:pt idx="94">
                  <c:v>43234.378379629627</c:v>
                </c:pt>
                <c:pt idx="95">
                  <c:v>43234.336736111109</c:v>
                </c:pt>
                <c:pt idx="96">
                  <c:v>43234.295092592591</c:v>
                </c:pt>
                <c:pt idx="97">
                  <c:v>43234.253472222219</c:v>
                </c:pt>
                <c:pt idx="98">
                  <c:v>43234.211840277778</c:v>
                </c:pt>
                <c:pt idx="99">
                  <c:v>43234.170231481483</c:v>
                </c:pt>
                <c:pt idx="100">
                  <c:v>43234.128599537034</c:v>
                </c:pt>
                <c:pt idx="101">
                  <c:v>43234.08699074074</c:v>
                </c:pt>
                <c:pt idx="102">
                  <c:v>43234.045358796298</c:v>
                </c:pt>
                <c:pt idx="103">
                  <c:v>43234.003750000003</c:v>
                </c:pt>
                <c:pt idx="104">
                  <c:v>43233.962141203701</c:v>
                </c:pt>
                <c:pt idx="105">
                  <c:v>43233.920532407406</c:v>
                </c:pt>
                <c:pt idx="106">
                  <c:v>43233.878900462965</c:v>
                </c:pt>
                <c:pt idx="107">
                  <c:v>43233.837268518517</c:v>
                </c:pt>
                <c:pt idx="108">
                  <c:v>43233.795636574076</c:v>
                </c:pt>
                <c:pt idx="109">
                  <c:v>43233.754004629627</c:v>
                </c:pt>
                <c:pt idx="110">
                  <c:v>43233.712395833332</c:v>
                </c:pt>
                <c:pt idx="111">
                  <c:v>43233.670798611114</c:v>
                </c:pt>
                <c:pt idx="112">
                  <c:v>43233.629166666666</c:v>
                </c:pt>
                <c:pt idx="113">
                  <c:v>43233.587534722225</c:v>
                </c:pt>
                <c:pt idx="114">
                  <c:v>43233.545937499999</c:v>
                </c:pt>
                <c:pt idx="115">
                  <c:v>43233.504282407404</c:v>
                </c:pt>
                <c:pt idx="116">
                  <c:v>43233.462638888886</c:v>
                </c:pt>
                <c:pt idx="117">
                  <c:v>43233.421087962961</c:v>
                </c:pt>
                <c:pt idx="118">
                  <c:v>43233.379502314812</c:v>
                </c:pt>
                <c:pt idx="119">
                  <c:v>43233.337847222225</c:v>
                </c:pt>
                <c:pt idx="120">
                  <c:v>43233.29619212963</c:v>
                </c:pt>
                <c:pt idx="121">
                  <c:v>43233.254664351851</c:v>
                </c:pt>
                <c:pt idx="122">
                  <c:v>43233.213078703702</c:v>
                </c:pt>
                <c:pt idx="123">
                  <c:v>43233.171458333331</c:v>
                </c:pt>
                <c:pt idx="124">
                  <c:v>43233.129814814813</c:v>
                </c:pt>
                <c:pt idx="125">
                  <c:v>43233.088263888887</c:v>
                </c:pt>
                <c:pt idx="126">
                  <c:v>43233.046840277777</c:v>
                </c:pt>
                <c:pt idx="127">
                  <c:v>43233.005219907405</c:v>
                </c:pt>
                <c:pt idx="128">
                  <c:v>43232.96361111111</c:v>
                </c:pt>
                <c:pt idx="129">
                  <c:v>43232.921990740739</c:v>
                </c:pt>
                <c:pt idx="130">
                  <c:v>43232.880335648151</c:v>
                </c:pt>
                <c:pt idx="131">
                  <c:v>43232.838854166665</c:v>
                </c:pt>
                <c:pt idx="132">
                  <c:v>43232.797222222223</c:v>
                </c:pt>
                <c:pt idx="133">
                  <c:v>43232.755659722221</c:v>
                </c:pt>
                <c:pt idx="134">
                  <c:v>43232.714050925926</c:v>
                </c:pt>
                <c:pt idx="135">
                  <c:v>43232.672418981485</c:v>
                </c:pt>
                <c:pt idx="136">
                  <c:v>43232.630798611113</c:v>
                </c:pt>
                <c:pt idx="137">
                  <c:v>43232.589155092595</c:v>
                </c:pt>
                <c:pt idx="138">
                  <c:v>43232.547523148147</c:v>
                </c:pt>
                <c:pt idx="139">
                  <c:v>43232.505949074075</c:v>
                </c:pt>
                <c:pt idx="140">
                  <c:v>43232.464363425926</c:v>
                </c:pt>
                <c:pt idx="141">
                  <c:v>43232.422881944447</c:v>
                </c:pt>
                <c:pt idx="142">
                  <c:v>43232.381284722222</c:v>
                </c:pt>
                <c:pt idx="143">
                  <c:v>43232.339756944442</c:v>
                </c:pt>
                <c:pt idx="144">
                  <c:v>43232.29824074074</c:v>
                </c:pt>
                <c:pt idx="145">
                  <c:v>43232.256678240738</c:v>
                </c:pt>
                <c:pt idx="146">
                  <c:v>43232.215057870373</c:v>
                </c:pt>
                <c:pt idx="147">
                  <c:v>43232.173483796294</c:v>
                </c:pt>
                <c:pt idx="148">
                  <c:v>43232.131886574076</c:v>
                </c:pt>
                <c:pt idx="149">
                  <c:v>43232.09034722222</c:v>
                </c:pt>
                <c:pt idx="150">
                  <c:v>43232.048738425925</c:v>
                </c:pt>
                <c:pt idx="151">
                  <c:v>43232.007164351853</c:v>
                </c:pt>
                <c:pt idx="152">
                  <c:v>43231.965567129628</c:v>
                </c:pt>
                <c:pt idx="153">
                  <c:v>43231.924062500002</c:v>
                </c:pt>
                <c:pt idx="154">
                  <c:v>43231.882430555554</c:v>
                </c:pt>
                <c:pt idx="155">
                  <c:v>43231.840787037036</c:v>
                </c:pt>
                <c:pt idx="156">
                  <c:v>43231.799143518518</c:v>
                </c:pt>
                <c:pt idx="157">
                  <c:v>43231.757557870369</c:v>
                </c:pt>
                <c:pt idx="158">
                  <c:v>43231.715925925928</c:v>
                </c:pt>
                <c:pt idx="159">
                  <c:v>43231.674328703702</c:v>
                </c:pt>
                <c:pt idx="160">
                  <c:v>43231.632870370369</c:v>
                </c:pt>
                <c:pt idx="161">
                  <c:v>43231.591226851851</c:v>
                </c:pt>
                <c:pt idx="162">
                  <c:v>43231.549629629626</c:v>
                </c:pt>
                <c:pt idx="163">
                  <c:v>43231.508113425924</c:v>
                </c:pt>
                <c:pt idx="164">
                  <c:v>43231.466469907406</c:v>
                </c:pt>
                <c:pt idx="165">
                  <c:v>43231.424861111111</c:v>
                </c:pt>
                <c:pt idx="166">
                  <c:v>43231.383229166669</c:v>
                </c:pt>
                <c:pt idx="167">
                  <c:v>43231.341631944444</c:v>
                </c:pt>
                <c:pt idx="168">
                  <c:v>43231.3</c:v>
                </c:pt>
                <c:pt idx="169">
                  <c:v>43231.258402777778</c:v>
                </c:pt>
                <c:pt idx="170">
                  <c:v>43231.216793981483</c:v>
                </c:pt>
                <c:pt idx="171">
                  <c:v>43231.175185185188</c:v>
                </c:pt>
                <c:pt idx="172">
                  <c:v>43231.13354166667</c:v>
                </c:pt>
                <c:pt idx="173">
                  <c:v>43231.091921296298</c:v>
                </c:pt>
                <c:pt idx="174">
                  <c:v>43231.050312500003</c:v>
                </c:pt>
                <c:pt idx="175">
                  <c:v>43231.008657407408</c:v>
                </c:pt>
                <c:pt idx="176">
                  <c:v>43230.96702546296</c:v>
                </c:pt>
                <c:pt idx="177">
                  <c:v>43230.925393518519</c:v>
                </c:pt>
                <c:pt idx="178">
                  <c:v>43230.883750000001</c:v>
                </c:pt>
                <c:pt idx="179">
                  <c:v>43230.842141203706</c:v>
                </c:pt>
                <c:pt idx="180">
                  <c:v>43230.800509259258</c:v>
                </c:pt>
                <c:pt idx="181">
                  <c:v>43230.758912037039</c:v>
                </c:pt>
                <c:pt idx="182">
                  <c:v>43230.717280092591</c:v>
                </c:pt>
                <c:pt idx="183">
                  <c:v>43230.675671296296</c:v>
                </c:pt>
                <c:pt idx="184">
                  <c:v>43230.634074074071</c:v>
                </c:pt>
                <c:pt idx="185">
                  <c:v>43230.592453703706</c:v>
                </c:pt>
                <c:pt idx="186">
                  <c:v>43230.550856481481</c:v>
                </c:pt>
                <c:pt idx="187">
                  <c:v>43230.509212962963</c:v>
                </c:pt>
                <c:pt idx="188">
                  <c:v>43230.467581018522</c:v>
                </c:pt>
                <c:pt idx="189">
                  <c:v>43230.425983796296</c:v>
                </c:pt>
                <c:pt idx="190">
                  <c:v>43230.384351851855</c:v>
                </c:pt>
                <c:pt idx="191">
                  <c:v>43230.342719907407</c:v>
                </c:pt>
                <c:pt idx="192">
                  <c:v>43230.301076388889</c:v>
                </c:pt>
                <c:pt idx="193">
                  <c:v>43230.259456018517</c:v>
                </c:pt>
                <c:pt idx="194">
                  <c:v>43230.217824074076</c:v>
                </c:pt>
                <c:pt idx="195">
                  <c:v>43230.176215277781</c:v>
                </c:pt>
                <c:pt idx="196">
                  <c:v>43230.134606481479</c:v>
                </c:pt>
                <c:pt idx="197">
                  <c:v>43230.093009259261</c:v>
                </c:pt>
                <c:pt idx="198">
                  <c:v>43230.051412037035</c:v>
                </c:pt>
                <c:pt idx="199">
                  <c:v>43230.009768518517</c:v>
                </c:pt>
                <c:pt idx="200">
                  <c:v>43229.968148148146</c:v>
                </c:pt>
                <c:pt idx="201">
                  <c:v>43229.926516203705</c:v>
                </c:pt>
                <c:pt idx="202">
                  <c:v>43229.884930555556</c:v>
                </c:pt>
                <c:pt idx="203">
                  <c:v>43229.843275462961</c:v>
                </c:pt>
                <c:pt idx="204">
                  <c:v>43229.80164351852</c:v>
                </c:pt>
                <c:pt idx="205">
                  <c:v>43229.760023148148</c:v>
                </c:pt>
                <c:pt idx="206">
                  <c:v>43229.71837962963</c:v>
                </c:pt>
                <c:pt idx="207">
                  <c:v>43229.676747685182</c:v>
                </c:pt>
                <c:pt idx="208">
                  <c:v>43229.635092592594</c:v>
                </c:pt>
                <c:pt idx="209">
                  <c:v>43229.593495370369</c:v>
                </c:pt>
                <c:pt idx="210">
                  <c:v>43229.551851851851</c:v>
                </c:pt>
                <c:pt idx="211">
                  <c:v>43229.510277777779</c:v>
                </c:pt>
                <c:pt idx="212">
                  <c:v>43229.468819444446</c:v>
                </c:pt>
                <c:pt idx="213">
                  <c:v>43229.468657407408</c:v>
                </c:pt>
                <c:pt idx="214">
                  <c:v>43229.42701388889</c:v>
                </c:pt>
                <c:pt idx="215">
                  <c:v>43229.385381944441</c:v>
                </c:pt>
                <c:pt idx="216">
                  <c:v>43229.343761574077</c:v>
                </c:pt>
                <c:pt idx="217">
                  <c:v>43229.302118055559</c:v>
                </c:pt>
                <c:pt idx="218">
                  <c:v>43229.260497685187</c:v>
                </c:pt>
                <c:pt idx="219">
                  <c:v>43229.218865740739</c:v>
                </c:pt>
                <c:pt idx="220">
                  <c:v>43229.177222222221</c:v>
                </c:pt>
                <c:pt idx="221">
                  <c:v>43229.135636574072</c:v>
                </c:pt>
                <c:pt idx="222">
                  <c:v>43229.0940162037</c:v>
                </c:pt>
                <c:pt idx="223">
                  <c:v>43229.052418981482</c:v>
                </c:pt>
                <c:pt idx="224">
                  <c:v>43229.010798611111</c:v>
                </c:pt>
                <c:pt idx="225">
                  <c:v>43228.969178240739</c:v>
                </c:pt>
                <c:pt idx="226">
                  <c:v>43228.927569444444</c:v>
                </c:pt>
                <c:pt idx="227">
                  <c:v>43228.885937500003</c:v>
                </c:pt>
                <c:pt idx="228">
                  <c:v>43228.844293981485</c:v>
                </c:pt>
                <c:pt idx="229">
                  <c:v>43228.802662037036</c:v>
                </c:pt>
                <c:pt idx="230">
                  <c:v>43228.761030092595</c:v>
                </c:pt>
                <c:pt idx="231">
                  <c:v>43228.719421296293</c:v>
                </c:pt>
                <c:pt idx="232">
                  <c:v>43228.677824074075</c:v>
                </c:pt>
                <c:pt idx="233">
                  <c:v>43228.636203703703</c:v>
                </c:pt>
                <c:pt idx="234">
                  <c:v>43228.594571759262</c:v>
                </c:pt>
                <c:pt idx="235">
                  <c:v>43228.552928240744</c:v>
                </c:pt>
                <c:pt idx="236">
                  <c:v>43228.511296296296</c:v>
                </c:pt>
                <c:pt idx="237">
                  <c:v>43228.469687500001</c:v>
                </c:pt>
                <c:pt idx="238">
                  <c:v>43228.428067129629</c:v>
                </c:pt>
                <c:pt idx="239">
                  <c:v>43228.386481481481</c:v>
                </c:pt>
                <c:pt idx="240">
                  <c:v>43228.344837962963</c:v>
                </c:pt>
                <c:pt idx="241">
                  <c:v>43228.303194444445</c:v>
                </c:pt>
                <c:pt idx="242">
                  <c:v>43228.261574074073</c:v>
                </c:pt>
                <c:pt idx="243">
                  <c:v>43228.219942129632</c:v>
                </c:pt>
                <c:pt idx="244">
                  <c:v>43228.17832175926</c:v>
                </c:pt>
                <c:pt idx="245">
                  <c:v>43228.136712962965</c:v>
                </c:pt>
                <c:pt idx="246">
                  <c:v>43228.095081018517</c:v>
                </c:pt>
                <c:pt idx="247">
                  <c:v>43228.053437499999</c:v>
                </c:pt>
                <c:pt idx="248">
                  <c:v>43228.011805555558</c:v>
                </c:pt>
                <c:pt idx="249">
                  <c:v>43227.970208333332</c:v>
                </c:pt>
                <c:pt idx="250">
                  <c:v>43227.928564814814</c:v>
                </c:pt>
                <c:pt idx="251">
                  <c:v>43227.886944444443</c:v>
                </c:pt>
                <c:pt idx="252">
                  <c:v>43227.845312500001</c:v>
                </c:pt>
                <c:pt idx="253">
                  <c:v>43227.80369212963</c:v>
                </c:pt>
                <c:pt idx="254">
                  <c:v>43227.762083333335</c:v>
                </c:pt>
                <c:pt idx="255">
                  <c:v>43227.720462962963</c:v>
                </c:pt>
                <c:pt idx="256">
                  <c:v>43227.678831018522</c:v>
                </c:pt>
                <c:pt idx="257">
                  <c:v>43227.63721064815</c:v>
                </c:pt>
                <c:pt idx="258">
                  <c:v>43227.595590277779</c:v>
                </c:pt>
                <c:pt idx="259">
                  <c:v>43227.553935185184</c:v>
                </c:pt>
                <c:pt idx="260">
                  <c:v>43227.512337962966</c:v>
                </c:pt>
                <c:pt idx="261">
                  <c:v>43227.470717592594</c:v>
                </c:pt>
                <c:pt idx="262">
                  <c:v>43227.429085648146</c:v>
                </c:pt>
                <c:pt idx="263">
                  <c:v>43227.387465277781</c:v>
                </c:pt>
                <c:pt idx="264">
                  <c:v>43227.345868055556</c:v>
                </c:pt>
                <c:pt idx="265">
                  <c:v>43227.304328703707</c:v>
                </c:pt>
                <c:pt idx="266">
                  <c:v>43227.262696759259</c:v>
                </c:pt>
                <c:pt idx="267">
                  <c:v>43227.221064814818</c:v>
                </c:pt>
                <c:pt idx="268">
                  <c:v>43227.179467592592</c:v>
                </c:pt>
                <c:pt idx="269">
                  <c:v>43227.137870370374</c:v>
                </c:pt>
                <c:pt idx="270">
                  <c:v>43227.096261574072</c:v>
                </c:pt>
                <c:pt idx="271">
                  <c:v>43227.054710648146</c:v>
                </c:pt>
                <c:pt idx="272">
                  <c:v>43227.013206018521</c:v>
                </c:pt>
                <c:pt idx="273">
                  <c:v>43226.971689814818</c:v>
                </c:pt>
                <c:pt idx="274">
                  <c:v>43226.930104166669</c:v>
                </c:pt>
                <c:pt idx="275">
                  <c:v>43226.888599537036</c:v>
                </c:pt>
                <c:pt idx="276">
                  <c:v>43226.847025462965</c:v>
                </c:pt>
                <c:pt idx="277">
                  <c:v>43226.805428240739</c:v>
                </c:pt>
                <c:pt idx="278">
                  <c:v>43226.763807870368</c:v>
                </c:pt>
                <c:pt idx="279">
                  <c:v>43226.72216435185</c:v>
                </c:pt>
                <c:pt idx="280">
                  <c:v>43226.680532407408</c:v>
                </c:pt>
                <c:pt idx="281">
                  <c:v>43226.638935185183</c:v>
                </c:pt>
                <c:pt idx="282">
                  <c:v>43226.597314814811</c:v>
                </c:pt>
                <c:pt idx="283">
                  <c:v>43226.55568287037</c:v>
                </c:pt>
                <c:pt idx="284">
                  <c:v>43226.514166666668</c:v>
                </c:pt>
                <c:pt idx="285">
                  <c:v>43226.472638888888</c:v>
                </c:pt>
                <c:pt idx="286">
                  <c:v>43226.431041666663</c:v>
                </c:pt>
                <c:pt idx="287">
                  <c:v>43226.389398148145</c:v>
                </c:pt>
                <c:pt idx="288">
                  <c:v>43226.34778935185</c:v>
                </c:pt>
                <c:pt idx="289">
                  <c:v>43226.306180555555</c:v>
                </c:pt>
                <c:pt idx="290">
                  <c:v>43226.264548611114</c:v>
                </c:pt>
                <c:pt idx="291">
                  <c:v>43226.222905092596</c:v>
                </c:pt>
                <c:pt idx="292">
                  <c:v>43226.181296296294</c:v>
                </c:pt>
                <c:pt idx="293">
                  <c:v>43226.139652777776</c:v>
                </c:pt>
                <c:pt idx="294">
                  <c:v>43226.098078703704</c:v>
                </c:pt>
                <c:pt idx="295">
                  <c:v>43226.056504629632</c:v>
                </c:pt>
                <c:pt idx="296">
                  <c:v>43226.01494212963</c:v>
                </c:pt>
                <c:pt idx="297">
                  <c:v>43225.973368055558</c:v>
                </c:pt>
                <c:pt idx="298">
                  <c:v>43225.93178240741</c:v>
                </c:pt>
                <c:pt idx="299">
                  <c:v>43225.890150462961</c:v>
                </c:pt>
                <c:pt idx="300">
                  <c:v>43225.848587962966</c:v>
                </c:pt>
                <c:pt idx="301">
                  <c:v>43225.806932870371</c:v>
                </c:pt>
                <c:pt idx="302">
                  <c:v>43225.765300925923</c:v>
                </c:pt>
                <c:pt idx="303">
                  <c:v>43225.723692129628</c:v>
                </c:pt>
                <c:pt idx="304">
                  <c:v>43225.682118055556</c:v>
                </c:pt>
                <c:pt idx="305">
                  <c:v>43225.640486111108</c:v>
                </c:pt>
                <c:pt idx="306">
                  <c:v>43225.59884259259</c:v>
                </c:pt>
                <c:pt idx="307">
                  <c:v>43225.557199074072</c:v>
                </c:pt>
                <c:pt idx="308">
                  <c:v>43225.515555555554</c:v>
                </c:pt>
                <c:pt idx="309">
                  <c:v>43225.473958333336</c:v>
                </c:pt>
                <c:pt idx="310">
                  <c:v>43225.432314814818</c:v>
                </c:pt>
                <c:pt idx="311">
                  <c:v>43225.390740740739</c:v>
                </c:pt>
                <c:pt idx="312">
                  <c:v>43225.349108796298</c:v>
                </c:pt>
                <c:pt idx="313">
                  <c:v>43225.307511574072</c:v>
                </c:pt>
                <c:pt idx="314">
                  <c:v>43225.265914351854</c:v>
                </c:pt>
                <c:pt idx="315">
                  <c:v>43225.224317129629</c:v>
                </c:pt>
                <c:pt idx="316">
                  <c:v>43225.18273148148</c:v>
                </c:pt>
                <c:pt idx="317">
                  <c:v>43225.141099537039</c:v>
                </c:pt>
                <c:pt idx="318">
                  <c:v>43225.09951388889</c:v>
                </c:pt>
                <c:pt idx="319">
                  <c:v>43225.057870370372</c:v>
                </c:pt>
                <c:pt idx="320">
                  <c:v>43225.016250000001</c:v>
                </c:pt>
                <c:pt idx="321">
                  <c:v>43224.974699074075</c:v>
                </c:pt>
                <c:pt idx="322">
                  <c:v>43224.933067129627</c:v>
                </c:pt>
                <c:pt idx="323">
                  <c:v>43224.891435185185</c:v>
                </c:pt>
                <c:pt idx="324">
                  <c:v>43224.849791666667</c:v>
                </c:pt>
                <c:pt idx="325">
                  <c:v>43224.808159722219</c:v>
                </c:pt>
                <c:pt idx="326">
                  <c:v>43224.766550925924</c:v>
                </c:pt>
                <c:pt idx="327">
                  <c:v>43224.724895833337</c:v>
                </c:pt>
                <c:pt idx="328">
                  <c:v>43224.683252314811</c:v>
                </c:pt>
                <c:pt idx="329">
                  <c:v>43224.641608796293</c:v>
                </c:pt>
                <c:pt idx="330">
                  <c:v>43224.599976851852</c:v>
                </c:pt>
                <c:pt idx="331">
                  <c:v>43224.558368055557</c:v>
                </c:pt>
                <c:pt idx="332">
                  <c:v>43224.516736111109</c:v>
                </c:pt>
                <c:pt idx="333">
                  <c:v>43224.475092592591</c:v>
                </c:pt>
                <c:pt idx="334">
                  <c:v>43224.43346064815</c:v>
                </c:pt>
                <c:pt idx="335">
                  <c:v>43224.391793981478</c:v>
                </c:pt>
                <c:pt idx="336">
                  <c:v>43224.35015046296</c:v>
                </c:pt>
                <c:pt idx="337">
                  <c:v>43224.308541666665</c:v>
                </c:pt>
                <c:pt idx="338">
                  <c:v>43224.266909722224</c:v>
                </c:pt>
                <c:pt idx="339">
                  <c:v>43224.225277777776</c:v>
                </c:pt>
                <c:pt idx="340">
                  <c:v>43224.183645833335</c:v>
                </c:pt>
                <c:pt idx="341">
                  <c:v>43224.142002314817</c:v>
                </c:pt>
                <c:pt idx="342">
                  <c:v>43224.100439814814</c:v>
                </c:pt>
                <c:pt idx="343">
                  <c:v>43224.058865740742</c:v>
                </c:pt>
                <c:pt idx="344">
                  <c:v>43224.017256944448</c:v>
                </c:pt>
                <c:pt idx="345">
                  <c:v>43223.975648148145</c:v>
                </c:pt>
                <c:pt idx="346">
                  <c:v>43223.934120370373</c:v>
                </c:pt>
                <c:pt idx="347">
                  <c:v>43223.892500000002</c:v>
                </c:pt>
                <c:pt idx="348">
                  <c:v>43223.850914351853</c:v>
                </c:pt>
                <c:pt idx="349">
                  <c:v>43223.809317129628</c:v>
                </c:pt>
                <c:pt idx="350">
                  <c:v>43223.76767361111</c:v>
                </c:pt>
                <c:pt idx="351">
                  <c:v>43223.726064814815</c:v>
                </c:pt>
                <c:pt idx="352">
                  <c:v>43223.684444444443</c:v>
                </c:pt>
                <c:pt idx="353">
                  <c:v>43223.642835648148</c:v>
                </c:pt>
                <c:pt idx="354">
                  <c:v>43223.60119212963</c:v>
                </c:pt>
                <c:pt idx="355">
                  <c:v>43223.559583333335</c:v>
                </c:pt>
                <c:pt idx="356">
                  <c:v>43223.517951388887</c:v>
                </c:pt>
                <c:pt idx="357">
                  <c:v>43223.476342592592</c:v>
                </c:pt>
                <c:pt idx="358">
                  <c:v>43223.434733796297</c:v>
                </c:pt>
                <c:pt idx="359">
                  <c:v>43223.393090277779</c:v>
                </c:pt>
                <c:pt idx="360">
                  <c:v>43223.351469907408</c:v>
                </c:pt>
                <c:pt idx="361">
                  <c:v>43223.309861111113</c:v>
                </c:pt>
                <c:pt idx="362">
                  <c:v>43223.268206018518</c:v>
                </c:pt>
                <c:pt idx="363">
                  <c:v>43223.226585648146</c:v>
                </c:pt>
                <c:pt idx="364">
                  <c:v>43223.184953703705</c:v>
                </c:pt>
                <c:pt idx="365">
                  <c:v>43223.143333333333</c:v>
                </c:pt>
                <c:pt idx="366">
                  <c:v>43223.101724537039</c:v>
                </c:pt>
                <c:pt idx="367">
                  <c:v>43223.060104166667</c:v>
                </c:pt>
                <c:pt idx="368">
                  <c:v>43223.018460648149</c:v>
                </c:pt>
                <c:pt idx="369">
                  <c:v>43222.9768287037</c:v>
                </c:pt>
                <c:pt idx="370">
                  <c:v>43222.935208333336</c:v>
                </c:pt>
                <c:pt idx="371">
                  <c:v>43222.893553240741</c:v>
                </c:pt>
                <c:pt idx="372">
                  <c:v>43222.851979166669</c:v>
                </c:pt>
                <c:pt idx="373">
                  <c:v>43222.810416666667</c:v>
                </c:pt>
                <c:pt idx="374">
                  <c:v>43222.768784722219</c:v>
                </c:pt>
                <c:pt idx="375">
                  <c:v>43222.727152777778</c:v>
                </c:pt>
                <c:pt idx="376">
                  <c:v>43222.685532407406</c:v>
                </c:pt>
                <c:pt idx="377">
                  <c:v>43222.643923611111</c:v>
                </c:pt>
                <c:pt idx="378">
                  <c:v>43222.602337962962</c:v>
                </c:pt>
                <c:pt idx="379">
                  <c:v>43222.560729166667</c:v>
                </c:pt>
                <c:pt idx="380">
                  <c:v>43222.519120370373</c:v>
                </c:pt>
                <c:pt idx="381">
                  <c:v>43222.477488425924</c:v>
                </c:pt>
                <c:pt idx="382">
                  <c:v>43222.435902777775</c:v>
                </c:pt>
                <c:pt idx="383">
                  <c:v>43222.394270833334</c:v>
                </c:pt>
                <c:pt idx="384">
                  <c:v>43222.352743055555</c:v>
                </c:pt>
                <c:pt idx="385">
                  <c:v>43222.311122685183</c:v>
                </c:pt>
                <c:pt idx="386">
                  <c:v>43222.269606481481</c:v>
                </c:pt>
                <c:pt idx="387">
                  <c:v>43222.228009259263</c:v>
                </c:pt>
                <c:pt idx="388">
                  <c:v>43222.186377314814</c:v>
                </c:pt>
                <c:pt idx="389">
                  <c:v>43222.144837962966</c:v>
                </c:pt>
                <c:pt idx="390">
                  <c:v>43222.103217592594</c:v>
                </c:pt>
                <c:pt idx="391">
                  <c:v>43222.061597222222</c:v>
                </c:pt>
                <c:pt idx="392">
                  <c:v>43222.019988425927</c:v>
                </c:pt>
                <c:pt idx="393">
                  <c:v>43221.978472222225</c:v>
                </c:pt>
                <c:pt idx="394">
                  <c:v>43221.936840277776</c:v>
                </c:pt>
                <c:pt idx="395">
                  <c:v>43221.895243055558</c:v>
                </c:pt>
                <c:pt idx="396">
                  <c:v>43221.853680555556</c:v>
                </c:pt>
                <c:pt idx="397">
                  <c:v>43221.812060185184</c:v>
                </c:pt>
                <c:pt idx="398">
                  <c:v>43221.770497685182</c:v>
                </c:pt>
                <c:pt idx="399">
                  <c:v>43221.728854166664</c:v>
                </c:pt>
                <c:pt idx="400">
                  <c:v>43221.687222222223</c:v>
                </c:pt>
                <c:pt idx="401">
                  <c:v>43221.645590277774</c:v>
                </c:pt>
                <c:pt idx="402">
                  <c:v>43221.603935185187</c:v>
                </c:pt>
                <c:pt idx="403">
                  <c:v>43221.562291666669</c:v>
                </c:pt>
                <c:pt idx="404">
                  <c:v>43221.52065972222</c:v>
                </c:pt>
                <c:pt idx="405">
                  <c:v>43221.479050925926</c:v>
                </c:pt>
                <c:pt idx="406">
                  <c:v>43221.437476851854</c:v>
                </c:pt>
                <c:pt idx="407">
                  <c:v>43221.395833333336</c:v>
                </c:pt>
                <c:pt idx="408">
                  <c:v>43221.354224537034</c:v>
                </c:pt>
                <c:pt idx="409">
                  <c:v>43221.312604166669</c:v>
                </c:pt>
                <c:pt idx="410">
                  <c:v>43221.271018518521</c:v>
                </c:pt>
                <c:pt idx="411">
                  <c:v>43221.229467592595</c:v>
                </c:pt>
                <c:pt idx="412">
                  <c:v>43221.187939814816</c:v>
                </c:pt>
                <c:pt idx="413">
                  <c:v>43221.146365740744</c:v>
                </c:pt>
                <c:pt idx="414">
                  <c:v>43221.104837962965</c:v>
                </c:pt>
                <c:pt idx="415">
                  <c:v>43221.063217592593</c:v>
                </c:pt>
                <c:pt idx="416">
                  <c:v>43221.021608796298</c:v>
                </c:pt>
                <c:pt idx="417">
                  <c:v>43220.98</c:v>
                </c:pt>
                <c:pt idx="418">
                  <c:v>43220.938506944447</c:v>
                </c:pt>
                <c:pt idx="419">
                  <c:v>43220.896886574075</c:v>
                </c:pt>
                <c:pt idx="420">
                  <c:v>43220.855266203704</c:v>
                </c:pt>
                <c:pt idx="421">
                  <c:v>43220.813715277778</c:v>
                </c:pt>
                <c:pt idx="422">
                  <c:v>43220.772106481483</c:v>
                </c:pt>
                <c:pt idx="423">
                  <c:v>43220.730543981481</c:v>
                </c:pt>
                <c:pt idx="424">
                  <c:v>43220.688935185186</c:v>
                </c:pt>
                <c:pt idx="425">
                  <c:v>43220.647314814814</c:v>
                </c:pt>
                <c:pt idx="426">
                  <c:v>43220.605821759258</c:v>
                </c:pt>
                <c:pt idx="427">
                  <c:v>43220.564201388886</c:v>
                </c:pt>
                <c:pt idx="428">
                  <c:v>43220.522581018522</c:v>
                </c:pt>
                <c:pt idx="429">
                  <c:v>43220.48101851852</c:v>
                </c:pt>
                <c:pt idx="430">
                  <c:v>43220.439386574071</c:v>
                </c:pt>
                <c:pt idx="431">
                  <c:v>43220.397743055553</c:v>
                </c:pt>
                <c:pt idx="432">
                  <c:v>43220.356111111112</c:v>
                </c:pt>
                <c:pt idx="433">
                  <c:v>43220.314502314817</c:v>
                </c:pt>
                <c:pt idx="434">
                  <c:v>43220.272858796299</c:v>
                </c:pt>
                <c:pt idx="435">
                  <c:v>43220.231273148151</c:v>
                </c:pt>
                <c:pt idx="436">
                  <c:v>43220.189652777779</c:v>
                </c:pt>
                <c:pt idx="437">
                  <c:v>43220.148159722223</c:v>
                </c:pt>
                <c:pt idx="438">
                  <c:v>43220.106562499997</c:v>
                </c:pt>
                <c:pt idx="439">
                  <c:v>43220.065023148149</c:v>
                </c:pt>
                <c:pt idx="440">
                  <c:v>43220.0234375</c:v>
                </c:pt>
                <c:pt idx="441">
                  <c:v>43219.981909722221</c:v>
                </c:pt>
                <c:pt idx="442">
                  <c:v>43219.940358796295</c:v>
                </c:pt>
                <c:pt idx="443">
                  <c:v>43219.898726851854</c:v>
                </c:pt>
                <c:pt idx="444">
                  <c:v>43219.857094907406</c:v>
                </c:pt>
                <c:pt idx="445">
                  <c:v>43219.815532407411</c:v>
                </c:pt>
                <c:pt idx="446">
                  <c:v>43219.773969907408</c:v>
                </c:pt>
                <c:pt idx="447">
                  <c:v>43219.73238425926</c:v>
                </c:pt>
                <c:pt idx="448">
                  <c:v>43219.690798611111</c:v>
                </c:pt>
                <c:pt idx="449">
                  <c:v>43219.649224537039</c:v>
                </c:pt>
                <c:pt idx="450">
                  <c:v>43219.607604166667</c:v>
                </c:pt>
                <c:pt idx="451">
                  <c:v>43219.566041666665</c:v>
                </c:pt>
                <c:pt idx="452">
                  <c:v>43219.524398148147</c:v>
                </c:pt>
                <c:pt idx="453">
                  <c:v>43219.482870370368</c:v>
                </c:pt>
                <c:pt idx="454">
                  <c:v>43219.441238425927</c:v>
                </c:pt>
                <c:pt idx="455">
                  <c:v>43219.399606481478</c:v>
                </c:pt>
                <c:pt idx="456">
                  <c:v>43219.357974537037</c:v>
                </c:pt>
                <c:pt idx="457">
                  <c:v>43219.316365740742</c:v>
                </c:pt>
                <c:pt idx="458">
                  <c:v>43219.274756944447</c:v>
                </c:pt>
                <c:pt idx="459">
                  <c:v>43219.233148148145</c:v>
                </c:pt>
                <c:pt idx="460">
                  <c:v>43219.191550925927</c:v>
                </c:pt>
                <c:pt idx="461">
                  <c:v>43219.149988425925</c:v>
                </c:pt>
                <c:pt idx="462">
                  <c:v>43219.108449074076</c:v>
                </c:pt>
                <c:pt idx="463">
                  <c:v>43219.066817129627</c:v>
                </c:pt>
                <c:pt idx="464">
                  <c:v>43219.025254629632</c:v>
                </c:pt>
                <c:pt idx="465">
                  <c:v>43218.983680555553</c:v>
                </c:pt>
                <c:pt idx="466">
                  <c:v>43218.942129629628</c:v>
                </c:pt>
                <c:pt idx="467">
                  <c:v>43218.900567129633</c:v>
                </c:pt>
                <c:pt idx="468">
                  <c:v>43218.858993055554</c:v>
                </c:pt>
                <c:pt idx="469">
                  <c:v>43218.817361111112</c:v>
                </c:pt>
                <c:pt idx="470">
                  <c:v>43218.775729166664</c:v>
                </c:pt>
                <c:pt idx="471">
                  <c:v>43218.734166666669</c:v>
                </c:pt>
                <c:pt idx="472">
                  <c:v>43218.69253472222</c:v>
                </c:pt>
                <c:pt idx="473">
                  <c:v>43218.650995370372</c:v>
                </c:pt>
                <c:pt idx="474">
                  <c:v>43218.609432870369</c:v>
                </c:pt>
                <c:pt idx="475">
                  <c:v>43218.567858796298</c:v>
                </c:pt>
                <c:pt idx="476">
                  <c:v>43218.526250000003</c:v>
                </c:pt>
                <c:pt idx="477">
                  <c:v>43218.484618055554</c:v>
                </c:pt>
                <c:pt idx="478">
                  <c:v>43218.443090277775</c:v>
                </c:pt>
                <c:pt idx="479">
                  <c:v>43218.401469907411</c:v>
                </c:pt>
                <c:pt idx="480">
                  <c:v>43218.359826388885</c:v>
                </c:pt>
                <c:pt idx="481">
                  <c:v>43218.318182870367</c:v>
                </c:pt>
                <c:pt idx="482">
                  <c:v>43218.276550925926</c:v>
                </c:pt>
                <c:pt idx="483">
                  <c:v>43218.234930555554</c:v>
                </c:pt>
                <c:pt idx="484">
                  <c:v>43218.193310185183</c:v>
                </c:pt>
                <c:pt idx="485">
                  <c:v>43218.151678240742</c:v>
                </c:pt>
                <c:pt idx="486">
                  <c:v>43218.110115740739</c:v>
                </c:pt>
                <c:pt idx="487">
                  <c:v>43218.068564814814</c:v>
                </c:pt>
                <c:pt idx="488">
                  <c:v>43218.027002314811</c:v>
                </c:pt>
                <c:pt idx="489">
                  <c:v>43217.98542824074</c:v>
                </c:pt>
                <c:pt idx="490">
                  <c:v>43217.943842592591</c:v>
                </c:pt>
                <c:pt idx="491">
                  <c:v>43217.902222222219</c:v>
                </c:pt>
                <c:pt idx="492">
                  <c:v>43217.860590277778</c:v>
                </c:pt>
                <c:pt idx="493">
                  <c:v>43217.818969907406</c:v>
                </c:pt>
                <c:pt idx="494">
                  <c:v>43217.777361111112</c:v>
                </c:pt>
                <c:pt idx="495">
                  <c:v>43217.735729166663</c:v>
                </c:pt>
                <c:pt idx="496">
                  <c:v>43217.694085648145</c:v>
                </c:pt>
                <c:pt idx="497">
                  <c:v>43217.652511574073</c:v>
                </c:pt>
                <c:pt idx="498">
                  <c:v>43217.610983796294</c:v>
                </c:pt>
                <c:pt idx="499">
                  <c:v>43217.569386574076</c:v>
                </c:pt>
                <c:pt idx="500">
                  <c:v>43217.527824074074</c:v>
                </c:pt>
                <c:pt idx="501">
                  <c:v>43217.486296296294</c:v>
                </c:pt>
                <c:pt idx="502">
                  <c:v>43217.444791666669</c:v>
                </c:pt>
                <c:pt idx="503">
                  <c:v>43217.403194444443</c:v>
                </c:pt>
                <c:pt idx="504">
                  <c:v>43217.361562500002</c:v>
                </c:pt>
                <c:pt idx="505">
                  <c:v>43217.319918981484</c:v>
                </c:pt>
                <c:pt idx="506">
                  <c:v>43217.278368055559</c:v>
                </c:pt>
                <c:pt idx="507">
                  <c:v>43217.236770833333</c:v>
                </c:pt>
                <c:pt idx="508">
                  <c:v>43217.195115740738</c:v>
                </c:pt>
                <c:pt idx="509">
                  <c:v>43217.15351851852</c:v>
                </c:pt>
                <c:pt idx="510">
                  <c:v>43217.111944444441</c:v>
                </c:pt>
                <c:pt idx="511">
                  <c:v>43217.0703125</c:v>
                </c:pt>
                <c:pt idx="512">
                  <c:v>43217.028749999998</c:v>
                </c:pt>
                <c:pt idx="513">
                  <c:v>43216.987326388888</c:v>
                </c:pt>
                <c:pt idx="514">
                  <c:v>43216.945740740739</c:v>
                </c:pt>
                <c:pt idx="515">
                  <c:v>43216.904131944444</c:v>
                </c:pt>
                <c:pt idx="516">
                  <c:v>43216.862476851849</c:v>
                </c:pt>
                <c:pt idx="517">
                  <c:v>43216.820844907408</c:v>
                </c:pt>
                <c:pt idx="518">
                  <c:v>43216.779247685183</c:v>
                </c:pt>
                <c:pt idx="519">
                  <c:v>43216.737615740742</c:v>
                </c:pt>
                <c:pt idx="520">
                  <c:v>43216.695983796293</c:v>
                </c:pt>
                <c:pt idx="521">
                  <c:v>43216.654386574075</c:v>
                </c:pt>
                <c:pt idx="522">
                  <c:v>43216.612766203703</c:v>
                </c:pt>
                <c:pt idx="523">
                  <c:v>43216.571134259262</c:v>
                </c:pt>
                <c:pt idx="524">
                  <c:v>43216.529490740744</c:v>
                </c:pt>
                <c:pt idx="525">
                  <c:v>43216.495578703703</c:v>
                </c:pt>
                <c:pt idx="526">
                  <c:v>43216.487916666665</c:v>
                </c:pt>
                <c:pt idx="527">
                  <c:v>43216.446296296293</c:v>
                </c:pt>
                <c:pt idx="528">
                  <c:v>43216.404699074075</c:v>
                </c:pt>
                <c:pt idx="529">
                  <c:v>43216.363078703704</c:v>
                </c:pt>
                <c:pt idx="530">
                  <c:v>43216.321458333332</c:v>
                </c:pt>
                <c:pt idx="531">
                  <c:v>43216.279861111114</c:v>
                </c:pt>
                <c:pt idx="532">
                  <c:v>43216.238252314812</c:v>
                </c:pt>
                <c:pt idx="533">
                  <c:v>43216.196608796294</c:v>
                </c:pt>
                <c:pt idx="534">
                  <c:v>43216.154976851853</c:v>
                </c:pt>
                <c:pt idx="535">
                  <c:v>43216.113344907404</c:v>
                </c:pt>
                <c:pt idx="536">
                  <c:v>43216.071701388886</c:v>
                </c:pt>
                <c:pt idx="537">
                  <c:v>43216.030104166668</c:v>
                </c:pt>
                <c:pt idx="538">
                  <c:v>43215.988506944443</c:v>
                </c:pt>
                <c:pt idx="539">
                  <c:v>43215.946909722225</c:v>
                </c:pt>
                <c:pt idx="540">
                  <c:v>43215.905324074076</c:v>
                </c:pt>
                <c:pt idx="541">
                  <c:v>43215.863738425927</c:v>
                </c:pt>
                <c:pt idx="542">
                  <c:v>43215.822118055556</c:v>
                </c:pt>
                <c:pt idx="543">
                  <c:v>43215.780509259261</c:v>
                </c:pt>
                <c:pt idx="544">
                  <c:v>43215.738888888889</c:v>
                </c:pt>
                <c:pt idx="545">
                  <c:v>43215.69730324074</c:v>
                </c:pt>
                <c:pt idx="546">
                  <c:v>43215.655671296299</c:v>
                </c:pt>
                <c:pt idx="547">
                  <c:v>43215.614039351851</c:v>
                </c:pt>
                <c:pt idx="548">
                  <c:v>43215.572418981479</c:v>
                </c:pt>
                <c:pt idx="549">
                  <c:v>43215.530775462961</c:v>
                </c:pt>
                <c:pt idx="550">
                  <c:v>43215.489155092589</c:v>
                </c:pt>
                <c:pt idx="551">
                  <c:v>43215.447534722225</c:v>
                </c:pt>
                <c:pt idx="552">
                  <c:v>43215.405902777777</c:v>
                </c:pt>
                <c:pt idx="553">
                  <c:v>43215.364282407405</c:v>
                </c:pt>
                <c:pt idx="554">
                  <c:v>43215.322638888887</c:v>
                </c:pt>
                <c:pt idx="555">
                  <c:v>43215.281030092592</c:v>
                </c:pt>
                <c:pt idx="556">
                  <c:v>43215.239421296297</c:v>
                </c:pt>
                <c:pt idx="557">
                  <c:v>43215.197777777779</c:v>
                </c:pt>
                <c:pt idx="558">
                  <c:v>43215.156134259261</c:v>
                </c:pt>
                <c:pt idx="559">
                  <c:v>43215.114502314813</c:v>
                </c:pt>
                <c:pt idx="560">
                  <c:v>43215.072870370372</c:v>
                </c:pt>
                <c:pt idx="561">
                  <c:v>43215.031238425923</c:v>
                </c:pt>
                <c:pt idx="562">
                  <c:v>43214.989583333336</c:v>
                </c:pt>
                <c:pt idx="563">
                  <c:v>43214.94798611111</c:v>
                </c:pt>
                <c:pt idx="564">
                  <c:v>43214.906365740739</c:v>
                </c:pt>
                <c:pt idx="565">
                  <c:v>43214.86478009259</c:v>
                </c:pt>
                <c:pt idx="566">
                  <c:v>43214.823159722226</c:v>
                </c:pt>
                <c:pt idx="567">
                  <c:v>43214.781597222223</c:v>
                </c:pt>
                <c:pt idx="568">
                  <c:v>43214.739976851852</c:v>
                </c:pt>
                <c:pt idx="569">
                  <c:v>43214.698379629626</c:v>
                </c:pt>
                <c:pt idx="570">
                  <c:v>43214.656770833331</c:v>
                </c:pt>
                <c:pt idx="571">
                  <c:v>43214.61515046296</c:v>
                </c:pt>
                <c:pt idx="572">
                  <c:v>43214.573553240742</c:v>
                </c:pt>
                <c:pt idx="573">
                  <c:v>43214.531956018516</c:v>
                </c:pt>
                <c:pt idx="574">
                  <c:v>43214.490324074075</c:v>
                </c:pt>
                <c:pt idx="575">
                  <c:v>43214.448680555557</c:v>
                </c:pt>
                <c:pt idx="576">
                  <c:v>43214.407071759262</c:v>
                </c:pt>
                <c:pt idx="577">
                  <c:v>43214.365428240744</c:v>
                </c:pt>
                <c:pt idx="578">
                  <c:v>43214.323807870373</c:v>
                </c:pt>
                <c:pt idx="579">
                  <c:v>43214.282175925924</c:v>
                </c:pt>
                <c:pt idx="580">
                  <c:v>43214.240567129629</c:v>
                </c:pt>
                <c:pt idx="581">
                  <c:v>43214.198935185188</c:v>
                </c:pt>
                <c:pt idx="582">
                  <c:v>43214.15729166667</c:v>
                </c:pt>
                <c:pt idx="583">
                  <c:v>43214.115648148145</c:v>
                </c:pt>
                <c:pt idx="584">
                  <c:v>43214.07402777778</c:v>
                </c:pt>
                <c:pt idx="585">
                  <c:v>43214.032442129632</c:v>
                </c:pt>
                <c:pt idx="586">
                  <c:v>43213.990810185183</c:v>
                </c:pt>
                <c:pt idx="587">
                  <c:v>43213.949201388888</c:v>
                </c:pt>
                <c:pt idx="588">
                  <c:v>43213.907581018517</c:v>
                </c:pt>
                <c:pt idx="589">
                  <c:v>43213.865960648145</c:v>
                </c:pt>
                <c:pt idx="590">
                  <c:v>43213.824340277781</c:v>
                </c:pt>
                <c:pt idx="591">
                  <c:v>43213.782696759263</c:v>
                </c:pt>
                <c:pt idx="592">
                  <c:v>43213.741053240738</c:v>
                </c:pt>
                <c:pt idx="593">
                  <c:v>43213.524756944447</c:v>
                </c:pt>
                <c:pt idx="594">
                  <c:v>43213.483113425929</c:v>
                </c:pt>
                <c:pt idx="595">
                  <c:v>43213.441493055558</c:v>
                </c:pt>
                <c:pt idx="596">
                  <c:v>43213.399872685186</c:v>
                </c:pt>
                <c:pt idx="597">
                  <c:v>43213.358229166668</c:v>
                </c:pt>
                <c:pt idx="598">
                  <c:v>43213.31659722222</c:v>
                </c:pt>
                <c:pt idx="599">
                  <c:v>43213.274942129632</c:v>
                </c:pt>
                <c:pt idx="600">
                  <c:v>43213.233298611114</c:v>
                </c:pt>
                <c:pt idx="601">
                  <c:v>43213.191689814812</c:v>
                </c:pt>
                <c:pt idx="602">
                  <c:v>43213.150185185186</c:v>
                </c:pt>
                <c:pt idx="603">
                  <c:v>43213.108541666668</c:v>
                </c:pt>
                <c:pt idx="604">
                  <c:v>43213.066979166666</c:v>
                </c:pt>
                <c:pt idx="605">
                  <c:v>43213.025381944448</c:v>
                </c:pt>
                <c:pt idx="606">
                  <c:v>43212.983831018515</c:v>
                </c:pt>
                <c:pt idx="607">
                  <c:v>43212.942245370374</c:v>
                </c:pt>
                <c:pt idx="608">
                  <c:v>43212.900717592594</c:v>
                </c:pt>
                <c:pt idx="609">
                  <c:v>43212.859143518515</c:v>
                </c:pt>
                <c:pt idx="610">
                  <c:v>43212.81753472222</c:v>
                </c:pt>
                <c:pt idx="611">
                  <c:v>43212.775902777779</c:v>
                </c:pt>
                <c:pt idx="612">
                  <c:v>43212.734259259261</c:v>
                </c:pt>
                <c:pt idx="613">
                  <c:v>43212.692673611113</c:v>
                </c:pt>
                <c:pt idx="614">
                  <c:v>43212.65111111111</c:v>
                </c:pt>
                <c:pt idx="615">
                  <c:v>43212.609606481485</c:v>
                </c:pt>
                <c:pt idx="616">
                  <c:v>43212.568078703705</c:v>
                </c:pt>
                <c:pt idx="617">
                  <c:v>43212.526423611111</c:v>
                </c:pt>
                <c:pt idx="618">
                  <c:v>43212.484803240739</c:v>
                </c:pt>
                <c:pt idx="619">
                  <c:v>43212.44321759259</c:v>
                </c:pt>
                <c:pt idx="620">
                  <c:v>43212.401689814818</c:v>
                </c:pt>
                <c:pt idx="621">
                  <c:v>43212.36005787037</c:v>
                </c:pt>
                <c:pt idx="622">
                  <c:v>43212.318472222221</c:v>
                </c:pt>
                <c:pt idx="623">
                  <c:v>43212.276828703703</c:v>
                </c:pt>
                <c:pt idx="624">
                  <c:v>43212.235208333332</c:v>
                </c:pt>
                <c:pt idx="625">
                  <c:v>43212.19358796296</c:v>
                </c:pt>
                <c:pt idx="626">
                  <c:v>43212.152002314811</c:v>
                </c:pt>
                <c:pt idx="627">
                  <c:v>43212.110405092593</c:v>
                </c:pt>
                <c:pt idx="628">
                  <c:v>43212.068877314814</c:v>
                </c:pt>
                <c:pt idx="629">
                  <c:v>43212.027256944442</c:v>
                </c:pt>
                <c:pt idx="630">
                  <c:v>43211.985659722224</c:v>
                </c:pt>
                <c:pt idx="631">
                  <c:v>43211.944062499999</c:v>
                </c:pt>
                <c:pt idx="632">
                  <c:v>43211.902511574073</c:v>
                </c:pt>
                <c:pt idx="633">
                  <c:v>43211.860902777778</c:v>
                </c:pt>
                <c:pt idx="634">
                  <c:v>43211.81931712963</c:v>
                </c:pt>
                <c:pt idx="635">
                  <c:v>43211.777719907404</c:v>
                </c:pt>
                <c:pt idx="636">
                  <c:v>43211.736122685186</c:v>
                </c:pt>
                <c:pt idx="637">
                  <c:v>43211.694490740738</c:v>
                </c:pt>
                <c:pt idx="638">
                  <c:v>43211.652881944443</c:v>
                </c:pt>
                <c:pt idx="639">
                  <c:v>43211.611250000002</c:v>
                </c:pt>
                <c:pt idx="640">
                  <c:v>43211.569675925923</c:v>
                </c:pt>
                <c:pt idx="641">
                  <c:v>43211.528124999997</c:v>
                </c:pt>
                <c:pt idx="642">
                  <c:v>43211.486516203702</c:v>
                </c:pt>
                <c:pt idx="643">
                  <c:v>43211.44494212963</c:v>
                </c:pt>
                <c:pt idx="644">
                  <c:v>43211.403321759259</c:v>
                </c:pt>
                <c:pt idx="645">
                  <c:v>43211.361712962964</c:v>
                </c:pt>
                <c:pt idx="646">
                  <c:v>43211.320115740738</c:v>
                </c:pt>
                <c:pt idx="647">
                  <c:v>43211.278506944444</c:v>
                </c:pt>
                <c:pt idx="648">
                  <c:v>43211.236851851849</c:v>
                </c:pt>
                <c:pt idx="649">
                  <c:v>43211.1952662037</c:v>
                </c:pt>
                <c:pt idx="650">
                  <c:v>43211.153645833336</c:v>
                </c:pt>
                <c:pt idx="651">
                  <c:v>43211.112164351849</c:v>
                </c:pt>
                <c:pt idx="652">
                  <c:v>43211.070567129631</c:v>
                </c:pt>
                <c:pt idx="653">
                  <c:v>43211.028981481482</c:v>
                </c:pt>
                <c:pt idx="654">
                  <c:v>43210.987442129626</c:v>
                </c:pt>
                <c:pt idx="655">
                  <c:v>43210.945798611108</c:v>
                </c:pt>
                <c:pt idx="656">
                  <c:v>43210.90425925926</c:v>
                </c:pt>
                <c:pt idx="657">
                  <c:v>43210.862627314818</c:v>
                </c:pt>
                <c:pt idx="658">
                  <c:v>43210.820983796293</c:v>
                </c:pt>
                <c:pt idx="659">
                  <c:v>43210.779351851852</c:v>
                </c:pt>
                <c:pt idx="660">
                  <c:v>43210.737743055557</c:v>
                </c:pt>
                <c:pt idx="661">
                  <c:v>43210.696087962962</c:v>
                </c:pt>
                <c:pt idx="662">
                  <c:v>43210.654502314814</c:v>
                </c:pt>
                <c:pt idx="663">
                  <c:v>43210.612905092596</c:v>
                </c:pt>
                <c:pt idx="664">
                  <c:v>43210.571319444447</c:v>
                </c:pt>
                <c:pt idx="665">
                  <c:v>43210.529687499999</c:v>
                </c:pt>
                <c:pt idx="666">
                  <c:v>43210.488125000003</c:v>
                </c:pt>
                <c:pt idx="667">
                  <c:v>43210.446527777778</c:v>
                </c:pt>
                <c:pt idx="668">
                  <c:v>43210.40488425926</c:v>
                </c:pt>
                <c:pt idx="669">
                  <c:v>43210.363263888888</c:v>
                </c:pt>
                <c:pt idx="670">
                  <c:v>43210.321712962963</c:v>
                </c:pt>
                <c:pt idx="671">
                  <c:v>43210.280104166668</c:v>
                </c:pt>
                <c:pt idx="672">
                  <c:v>43210.238483796296</c:v>
                </c:pt>
                <c:pt idx="673">
                  <c:v>43210.196863425925</c:v>
                </c:pt>
                <c:pt idx="674">
                  <c:v>43210.155347222222</c:v>
                </c:pt>
                <c:pt idx="675">
                  <c:v>43210.11383101852</c:v>
                </c:pt>
                <c:pt idx="676">
                  <c:v>43210.072222222225</c:v>
                </c:pt>
                <c:pt idx="677">
                  <c:v>43210.030671296299</c:v>
                </c:pt>
                <c:pt idx="678">
                  <c:v>43209.989062499997</c:v>
                </c:pt>
                <c:pt idx="679">
                  <c:v>43209.947488425925</c:v>
                </c:pt>
                <c:pt idx="680">
                  <c:v>43209.905914351853</c:v>
                </c:pt>
                <c:pt idx="681">
                  <c:v>43209.864340277774</c:v>
                </c:pt>
                <c:pt idx="682">
                  <c:v>43209.822731481479</c:v>
                </c:pt>
                <c:pt idx="683">
                  <c:v>43209.781087962961</c:v>
                </c:pt>
                <c:pt idx="684">
                  <c:v>43209.73945601852</c:v>
                </c:pt>
                <c:pt idx="685">
                  <c:v>43209.697824074072</c:v>
                </c:pt>
                <c:pt idx="686">
                  <c:v>43209.656192129631</c:v>
                </c:pt>
                <c:pt idx="687">
                  <c:v>43209.406736111108</c:v>
                </c:pt>
                <c:pt idx="688">
                  <c:v>43209.281828703701</c:v>
                </c:pt>
                <c:pt idx="689">
                  <c:v>43209.240231481483</c:v>
                </c:pt>
                <c:pt idx="690">
                  <c:v>43209.198599537034</c:v>
                </c:pt>
                <c:pt idx="691">
                  <c:v>43209.15697916667</c:v>
                </c:pt>
                <c:pt idx="692">
                  <c:v>43209.115381944444</c:v>
                </c:pt>
                <c:pt idx="693">
                  <c:v>43209.032175925924</c:v>
                </c:pt>
                <c:pt idx="694">
                  <c:v>43208.990532407406</c:v>
                </c:pt>
                <c:pt idx="695">
                  <c:v>43208.907268518517</c:v>
                </c:pt>
                <c:pt idx="696">
                  <c:v>43208.740752314814</c:v>
                </c:pt>
                <c:pt idx="697">
                  <c:v>43208.699143518519</c:v>
                </c:pt>
                <c:pt idx="698">
                  <c:v>43208.657557870371</c:v>
                </c:pt>
                <c:pt idx="699">
                  <c:v>43208.615937499999</c:v>
                </c:pt>
                <c:pt idx="700">
                  <c:v>43208.574317129627</c:v>
                </c:pt>
                <c:pt idx="701">
                  <c:v>43208.53266203704</c:v>
                </c:pt>
                <c:pt idx="702">
                  <c:v>43208.491041666668</c:v>
                </c:pt>
                <c:pt idx="703">
                  <c:v>43208.44940972222</c:v>
                </c:pt>
                <c:pt idx="704">
                  <c:v>43208.407754629632</c:v>
                </c:pt>
                <c:pt idx="705">
                  <c:v>43208.366157407407</c:v>
                </c:pt>
                <c:pt idx="706">
                  <c:v>43208.324537037035</c:v>
                </c:pt>
                <c:pt idx="707">
                  <c:v>43208.282916666663</c:v>
                </c:pt>
                <c:pt idx="708">
                  <c:v>43208.241284722222</c:v>
                </c:pt>
                <c:pt idx="709">
                  <c:v>43208.199664351851</c:v>
                </c:pt>
                <c:pt idx="710">
                  <c:v>43208.158032407409</c:v>
                </c:pt>
                <c:pt idx="711">
                  <c:v>43208.033125000002</c:v>
                </c:pt>
                <c:pt idx="712">
                  <c:v>43207.991516203707</c:v>
                </c:pt>
                <c:pt idx="713">
                  <c:v>43207.949930555558</c:v>
                </c:pt>
                <c:pt idx="714">
                  <c:v>43207.825023148151</c:v>
                </c:pt>
                <c:pt idx="715">
                  <c:v>43207.783391203702</c:v>
                </c:pt>
                <c:pt idx="716">
                  <c:v>43207.741759259261</c:v>
                </c:pt>
                <c:pt idx="717">
                  <c:v>43207.616886574076</c:v>
                </c:pt>
                <c:pt idx="718">
                  <c:v>43207.575277777774</c:v>
                </c:pt>
                <c:pt idx="719">
                  <c:v>43207.533645833333</c:v>
                </c:pt>
                <c:pt idx="720">
                  <c:v>43207.492025462961</c:v>
                </c:pt>
                <c:pt idx="721">
                  <c:v>43207.408784722225</c:v>
                </c:pt>
                <c:pt idx="722">
                  <c:v>43207.367152777777</c:v>
                </c:pt>
                <c:pt idx="723">
                  <c:v>43207.325532407405</c:v>
                </c:pt>
                <c:pt idx="724">
                  <c:v>43207.242256944446</c:v>
                </c:pt>
                <c:pt idx="725">
                  <c:v>43207.15896990741</c:v>
                </c:pt>
                <c:pt idx="726">
                  <c:v>43207.117326388892</c:v>
                </c:pt>
                <c:pt idx="727">
                  <c:v>43207.075729166667</c:v>
                </c:pt>
                <c:pt idx="728">
                  <c:v>43207.034074074072</c:v>
                </c:pt>
                <c:pt idx="729">
                  <c:v>43206.992476851854</c:v>
                </c:pt>
                <c:pt idx="730">
                  <c:v>43206.825960648152</c:v>
                </c:pt>
                <c:pt idx="731">
                  <c:v>43206.784328703703</c:v>
                </c:pt>
                <c:pt idx="732">
                  <c:v>43206.742685185185</c:v>
                </c:pt>
                <c:pt idx="733">
                  <c:v>43206.576226851852</c:v>
                </c:pt>
                <c:pt idx="734">
                  <c:v>43206.53460648148</c:v>
                </c:pt>
                <c:pt idx="735">
                  <c:v>43206.451377314814</c:v>
                </c:pt>
                <c:pt idx="736">
                  <c:v>43206.409756944442</c:v>
                </c:pt>
                <c:pt idx="737">
                  <c:v>43206.368136574078</c:v>
                </c:pt>
                <c:pt idx="738">
                  <c:v>43206.326527777775</c:v>
                </c:pt>
                <c:pt idx="739">
                  <c:v>43206.284907407404</c:v>
                </c:pt>
                <c:pt idx="740">
                  <c:v>43206.243287037039</c:v>
                </c:pt>
                <c:pt idx="741">
                  <c:v>43206.201643518521</c:v>
                </c:pt>
                <c:pt idx="742">
                  <c:v>43206.160011574073</c:v>
                </c:pt>
                <c:pt idx="743">
                  <c:v>43206.076770833337</c:v>
                </c:pt>
                <c:pt idx="744">
                  <c:v>43206.035138888888</c:v>
                </c:pt>
                <c:pt idx="745">
                  <c:v>43205.99355324074</c:v>
                </c:pt>
                <c:pt idx="746">
                  <c:v>43205.951944444445</c:v>
                </c:pt>
                <c:pt idx="747">
                  <c:v>43205.868703703702</c:v>
                </c:pt>
                <c:pt idx="748">
                  <c:v>43205.827094907407</c:v>
                </c:pt>
                <c:pt idx="749">
                  <c:v>43205.785486111112</c:v>
                </c:pt>
                <c:pt idx="750">
                  <c:v>43205.743854166663</c:v>
                </c:pt>
                <c:pt idx="751">
                  <c:v>43205.702222222222</c:v>
                </c:pt>
                <c:pt idx="752">
                  <c:v>43205.660590277781</c:v>
                </c:pt>
                <c:pt idx="753">
                  <c:v>43205.618946759256</c:v>
                </c:pt>
                <c:pt idx="754">
                  <c:v>43205.535821759258</c:v>
                </c:pt>
                <c:pt idx="755">
                  <c:v>43205.494155092594</c:v>
                </c:pt>
                <c:pt idx="756">
                  <c:v>43205.452523148146</c:v>
                </c:pt>
                <c:pt idx="757">
                  <c:v>43205.410879629628</c:v>
                </c:pt>
                <c:pt idx="758">
                  <c:v>43205.369247685187</c:v>
                </c:pt>
                <c:pt idx="759">
                  <c:v>43205.286030092589</c:v>
                </c:pt>
                <c:pt idx="760">
                  <c:v>43205.244375000002</c:v>
                </c:pt>
                <c:pt idx="761">
                  <c:v>43205.202800925923</c:v>
                </c:pt>
                <c:pt idx="762">
                  <c:v>43205.161145833335</c:v>
                </c:pt>
                <c:pt idx="763">
                  <c:v>43205.119525462964</c:v>
                </c:pt>
                <c:pt idx="764">
                  <c:v>43205.077939814815</c:v>
                </c:pt>
                <c:pt idx="765">
                  <c:v>43205.036435185182</c:v>
                </c:pt>
                <c:pt idx="766">
                  <c:v>43204.995011574072</c:v>
                </c:pt>
                <c:pt idx="767">
                  <c:v>43204.911840277775</c:v>
                </c:pt>
                <c:pt idx="768">
                  <c:v>43204.828611111108</c:v>
                </c:pt>
                <c:pt idx="769">
                  <c:v>43204.745358796295</c:v>
                </c:pt>
                <c:pt idx="770">
                  <c:v>43204.620451388888</c:v>
                </c:pt>
                <c:pt idx="771">
                  <c:v>43204.537199074075</c:v>
                </c:pt>
                <c:pt idx="772">
                  <c:v>43204.453981481478</c:v>
                </c:pt>
                <c:pt idx="773">
                  <c:v>43204.41233796296</c:v>
                </c:pt>
                <c:pt idx="774">
                  <c:v>43204.370752314811</c:v>
                </c:pt>
                <c:pt idx="775">
                  <c:v>43204.287627314814</c:v>
                </c:pt>
                <c:pt idx="776">
                  <c:v>43204.204386574071</c:v>
                </c:pt>
                <c:pt idx="777">
                  <c:v>43204.162835648145</c:v>
                </c:pt>
                <c:pt idx="778">
                  <c:v>43204.121180555558</c:v>
                </c:pt>
                <c:pt idx="779">
                  <c:v>43204.03806712963</c:v>
                </c:pt>
                <c:pt idx="780">
                  <c:v>43203.996423611112</c:v>
                </c:pt>
                <c:pt idx="781">
                  <c:v>43203.954918981479</c:v>
                </c:pt>
                <c:pt idx="782">
                  <c:v>43203.913310185184</c:v>
                </c:pt>
                <c:pt idx="783">
                  <c:v>43203.871701388889</c:v>
                </c:pt>
                <c:pt idx="784">
                  <c:v>43203.830069444448</c:v>
                </c:pt>
                <c:pt idx="785">
                  <c:v>43203.788460648146</c:v>
                </c:pt>
                <c:pt idx="786">
                  <c:v>43203.746828703705</c:v>
                </c:pt>
                <c:pt idx="787">
                  <c:v>43203.705196759256</c:v>
                </c:pt>
                <c:pt idx="788">
                  <c:v>43203.62195601852</c:v>
                </c:pt>
                <c:pt idx="789">
                  <c:v>43203.580324074072</c:v>
                </c:pt>
                <c:pt idx="790">
                  <c:v>43203.497129629628</c:v>
                </c:pt>
                <c:pt idx="791">
                  <c:v>43203.413854166669</c:v>
                </c:pt>
                <c:pt idx="792">
                  <c:v>43203.37222222222</c:v>
                </c:pt>
                <c:pt idx="793">
                  <c:v>43203.288981481484</c:v>
                </c:pt>
                <c:pt idx="794">
                  <c:v>43203.247361111113</c:v>
                </c:pt>
                <c:pt idx="795">
                  <c:v>43203.080891203703</c:v>
                </c:pt>
                <c:pt idx="796">
                  <c:v>43203.039340277777</c:v>
                </c:pt>
                <c:pt idx="797">
                  <c:v>43202.997685185182</c:v>
                </c:pt>
                <c:pt idx="798">
                  <c:v>43202.956076388888</c:v>
                </c:pt>
                <c:pt idx="799">
                  <c:v>43202.914467592593</c:v>
                </c:pt>
                <c:pt idx="800">
                  <c:v>43202.872881944444</c:v>
                </c:pt>
                <c:pt idx="801">
                  <c:v>43202.831273148149</c:v>
                </c:pt>
                <c:pt idx="802">
                  <c:v>43202.789629629631</c:v>
                </c:pt>
                <c:pt idx="803">
                  <c:v>43202.747997685183</c:v>
                </c:pt>
                <c:pt idx="804">
                  <c:v>43202.664733796293</c:v>
                </c:pt>
                <c:pt idx="805">
                  <c:v>43202.623124999998</c:v>
                </c:pt>
                <c:pt idx="806">
                  <c:v>43202.581504629627</c:v>
                </c:pt>
                <c:pt idx="807">
                  <c:v>43202.581504629627</c:v>
                </c:pt>
                <c:pt idx="808">
                  <c:v>43202.539884259262</c:v>
                </c:pt>
                <c:pt idx="809">
                  <c:v>43202.456712962965</c:v>
                </c:pt>
                <c:pt idx="810">
                  <c:v>43202.331828703704</c:v>
                </c:pt>
                <c:pt idx="811">
                  <c:v>43202.248622685183</c:v>
                </c:pt>
                <c:pt idx="812">
                  <c:v>43202.206967592596</c:v>
                </c:pt>
                <c:pt idx="813">
                  <c:v>43202.04047453704</c:v>
                </c:pt>
                <c:pt idx="814">
                  <c:v>43201.957256944443</c:v>
                </c:pt>
                <c:pt idx="815">
                  <c:v>43201.915613425925</c:v>
                </c:pt>
                <c:pt idx="816">
                  <c:v>43201.874062499999</c:v>
                </c:pt>
                <c:pt idx="817">
                  <c:v>43201.832453703704</c:v>
                </c:pt>
                <c:pt idx="818">
                  <c:v>43201.790810185186</c:v>
                </c:pt>
                <c:pt idx="819">
                  <c:v>43201.750358796293</c:v>
                </c:pt>
                <c:pt idx="820">
                  <c:v>43201.541076388887</c:v>
                </c:pt>
                <c:pt idx="821">
                  <c:v>43201.499537037038</c:v>
                </c:pt>
                <c:pt idx="822">
                  <c:v>43201.416319444441</c:v>
                </c:pt>
                <c:pt idx="823">
                  <c:v>43201.374745370369</c:v>
                </c:pt>
                <c:pt idx="824">
                  <c:v>43201.208437499998</c:v>
                </c:pt>
                <c:pt idx="825">
                  <c:v>43201.166898148149</c:v>
                </c:pt>
                <c:pt idx="826">
                  <c:v>43201.083703703705</c:v>
                </c:pt>
                <c:pt idx="827">
                  <c:v>43200.875821759262</c:v>
                </c:pt>
                <c:pt idx="828">
                  <c:v>43200.792569444442</c:v>
                </c:pt>
                <c:pt idx="829">
                  <c:v>43200.750937500001</c:v>
                </c:pt>
                <c:pt idx="830">
                  <c:v>43200.709317129629</c:v>
                </c:pt>
                <c:pt idx="831">
                  <c:v>43200.667673611111</c:v>
                </c:pt>
                <c:pt idx="832">
                  <c:v>43200.62604166667</c:v>
                </c:pt>
                <c:pt idx="833">
                  <c:v>43200.584421296298</c:v>
                </c:pt>
                <c:pt idx="834">
                  <c:v>43200.54278935185</c:v>
                </c:pt>
                <c:pt idx="835">
                  <c:v>43200.501168981478</c:v>
                </c:pt>
                <c:pt idx="836">
                  <c:v>43200.459537037037</c:v>
                </c:pt>
                <c:pt idx="837">
                  <c:v>43200.417893518519</c:v>
                </c:pt>
                <c:pt idx="838">
                  <c:v>43200.376273148147</c:v>
                </c:pt>
                <c:pt idx="839">
                  <c:v>43200.334664351853</c:v>
                </c:pt>
                <c:pt idx="840">
                  <c:v>43200.293032407404</c:v>
                </c:pt>
                <c:pt idx="841">
                  <c:v>43200.251400462963</c:v>
                </c:pt>
                <c:pt idx="842">
                  <c:v>43200.209814814814</c:v>
                </c:pt>
                <c:pt idx="843">
                  <c:v>43200.168171296296</c:v>
                </c:pt>
                <c:pt idx="844">
                  <c:v>43200.126574074071</c:v>
                </c:pt>
                <c:pt idx="845">
                  <c:v>43200.043333333335</c:v>
                </c:pt>
                <c:pt idx="846">
                  <c:v>43200.001689814817</c:v>
                </c:pt>
                <c:pt idx="847">
                  <c:v>43199.960081018522</c:v>
                </c:pt>
                <c:pt idx="848">
                  <c:v>43199.876840277779</c:v>
                </c:pt>
                <c:pt idx="849">
                  <c:v>43199.835347222222</c:v>
                </c:pt>
                <c:pt idx="850">
                  <c:v>43199.793738425928</c:v>
                </c:pt>
                <c:pt idx="851">
                  <c:v>43199.710486111115</c:v>
                </c:pt>
                <c:pt idx="852">
                  <c:v>43199.668842592589</c:v>
                </c:pt>
                <c:pt idx="853">
                  <c:v>43199.627199074072</c:v>
                </c:pt>
                <c:pt idx="854">
                  <c:v>43199.460694444446</c:v>
                </c:pt>
                <c:pt idx="855">
                  <c:v>43199.419131944444</c:v>
                </c:pt>
                <c:pt idx="856">
                  <c:v>43199.377534722225</c:v>
                </c:pt>
                <c:pt idx="857">
                  <c:v>43199.3359837963</c:v>
                </c:pt>
                <c:pt idx="858">
                  <c:v>43199.294374999998</c:v>
                </c:pt>
                <c:pt idx="859">
                  <c:v>43199.252789351849</c:v>
                </c:pt>
                <c:pt idx="860">
                  <c:v>43199.211180555554</c:v>
                </c:pt>
                <c:pt idx="861">
                  <c:v>43199.169594907406</c:v>
                </c:pt>
                <c:pt idx="862">
                  <c:v>43199.127951388888</c:v>
                </c:pt>
                <c:pt idx="863">
                  <c:v>43199.086331018516</c:v>
                </c:pt>
                <c:pt idx="864">
                  <c:v>43199.003148148149</c:v>
                </c:pt>
                <c:pt idx="865">
                  <c:v>43198.961504629631</c:v>
                </c:pt>
                <c:pt idx="866">
                  <c:v>43198.91988425926</c:v>
                </c:pt>
                <c:pt idx="867">
                  <c:v>43198.878263888888</c:v>
                </c:pt>
                <c:pt idx="868">
                  <c:v>43198.836678240739</c:v>
                </c:pt>
                <c:pt idx="869">
                  <c:v>43198.795046296298</c:v>
                </c:pt>
                <c:pt idx="870">
                  <c:v>43198.753391203703</c:v>
                </c:pt>
                <c:pt idx="871">
                  <c:v>43198.711782407408</c:v>
                </c:pt>
                <c:pt idx="872">
                  <c:v>43198.628530092596</c:v>
                </c:pt>
                <c:pt idx="873">
                  <c:v>43198.586898148147</c:v>
                </c:pt>
                <c:pt idx="874">
                  <c:v>43198.545289351852</c:v>
                </c:pt>
                <c:pt idx="875">
                  <c:v>43198.503668981481</c:v>
                </c:pt>
                <c:pt idx="876">
                  <c:v>43198.462037037039</c:v>
                </c:pt>
                <c:pt idx="877">
                  <c:v>43198.378796296296</c:v>
                </c:pt>
                <c:pt idx="878">
                  <c:v>43198.253946759258</c:v>
                </c:pt>
                <c:pt idx="879">
                  <c:v>43198.21230324074</c:v>
                </c:pt>
                <c:pt idx="880">
                  <c:v>43198.170659722222</c:v>
                </c:pt>
                <c:pt idx="881">
                  <c:v>43198.12908564815</c:v>
                </c:pt>
                <c:pt idx="882">
                  <c:v>43198.087453703702</c:v>
                </c:pt>
                <c:pt idx="883">
                  <c:v>43198.04583333333</c:v>
                </c:pt>
                <c:pt idx="884">
                  <c:v>43197.962581018517</c:v>
                </c:pt>
                <c:pt idx="885">
                  <c:v>43197.920949074076</c:v>
                </c:pt>
                <c:pt idx="886">
                  <c:v>43197.879317129627</c:v>
                </c:pt>
                <c:pt idx="887">
                  <c:v>43197.837685185186</c:v>
                </c:pt>
                <c:pt idx="888">
                  <c:v>43197.796053240738</c:v>
                </c:pt>
                <c:pt idx="889">
                  <c:v>43197.75440972222</c:v>
                </c:pt>
                <c:pt idx="890">
                  <c:v>43197.712777777779</c:v>
                </c:pt>
                <c:pt idx="891">
                  <c:v>43197.67114583333</c:v>
                </c:pt>
                <c:pt idx="892">
                  <c:v>43197.629502314812</c:v>
                </c:pt>
                <c:pt idx="893">
                  <c:v>43197.587905092594</c:v>
                </c:pt>
                <c:pt idx="894">
                  <c:v>43197.546273148146</c:v>
                </c:pt>
                <c:pt idx="895">
                  <c:v>43197.421412037038</c:v>
                </c:pt>
                <c:pt idx="896">
                  <c:v>43197.379837962966</c:v>
                </c:pt>
                <c:pt idx="897">
                  <c:v>43197.2966087963</c:v>
                </c:pt>
                <c:pt idx="898">
                  <c:v>43197.254976851851</c:v>
                </c:pt>
                <c:pt idx="899">
                  <c:v>43197.213356481479</c:v>
                </c:pt>
                <c:pt idx="900">
                  <c:v>43197.13009259259</c:v>
                </c:pt>
                <c:pt idx="901">
                  <c:v>43197.088460648149</c:v>
                </c:pt>
                <c:pt idx="902">
                  <c:v>43197.0468287037</c:v>
                </c:pt>
                <c:pt idx="903">
                  <c:v>43197.005185185182</c:v>
                </c:pt>
                <c:pt idx="904">
                  <c:v>43196.963599537034</c:v>
                </c:pt>
                <c:pt idx="905">
                  <c:v>43196.921979166669</c:v>
                </c:pt>
                <c:pt idx="906">
                  <c:v>43196.880358796298</c:v>
                </c:pt>
                <c:pt idx="907">
                  <c:v>43196.838761574072</c:v>
                </c:pt>
                <c:pt idx="908">
                  <c:v>43196.755474537036</c:v>
                </c:pt>
                <c:pt idx="909">
                  <c:v>43196.713842592595</c:v>
                </c:pt>
                <c:pt idx="910">
                  <c:v>43196.672222222223</c:v>
                </c:pt>
                <c:pt idx="911">
                  <c:v>43196.630578703705</c:v>
                </c:pt>
                <c:pt idx="912">
                  <c:v>43196.50582175926</c:v>
                </c:pt>
                <c:pt idx="913">
                  <c:v>43196.464178240742</c:v>
                </c:pt>
                <c:pt idx="914">
                  <c:v>43196.297766203701</c:v>
                </c:pt>
                <c:pt idx="915">
                  <c:v>43196.25613425926</c:v>
                </c:pt>
                <c:pt idx="916">
                  <c:v>43196.172905092593</c:v>
                </c:pt>
                <c:pt idx="917">
                  <c:v>43196.131273148145</c:v>
                </c:pt>
                <c:pt idx="918">
                  <c:v>43196.048043981478</c:v>
                </c:pt>
                <c:pt idx="919">
                  <c:v>43196.00644675926</c:v>
                </c:pt>
                <c:pt idx="920">
                  <c:v>43195.964849537035</c:v>
                </c:pt>
                <c:pt idx="921">
                  <c:v>43195.756712962961</c:v>
                </c:pt>
                <c:pt idx="922">
                  <c:v>43195.715092592596</c:v>
                </c:pt>
                <c:pt idx="923">
                  <c:v>43195.673449074071</c:v>
                </c:pt>
                <c:pt idx="924">
                  <c:v>43195.631840277776</c:v>
                </c:pt>
                <c:pt idx="925">
                  <c:v>43195.46533564815</c:v>
                </c:pt>
                <c:pt idx="926">
                  <c:v>43195.340439814812</c:v>
                </c:pt>
                <c:pt idx="927">
                  <c:v>43195.298819444448</c:v>
                </c:pt>
                <c:pt idx="928">
                  <c:v>43195.257210648146</c:v>
                </c:pt>
                <c:pt idx="929">
                  <c:v>43195.215590277781</c:v>
                </c:pt>
                <c:pt idx="930">
                  <c:v>43195.173946759256</c:v>
                </c:pt>
                <c:pt idx="931">
                  <c:v>43195.09065972222</c:v>
                </c:pt>
                <c:pt idx="932">
                  <c:v>43195.049027777779</c:v>
                </c:pt>
                <c:pt idx="933">
                  <c:v>43195.007418981484</c:v>
                </c:pt>
                <c:pt idx="934">
                  <c:v>43194.924178240741</c:v>
                </c:pt>
                <c:pt idx="935">
                  <c:v>43194.757673611108</c:v>
                </c:pt>
                <c:pt idx="936">
                  <c:v>43194.716041666667</c:v>
                </c:pt>
                <c:pt idx="937">
                  <c:v>43194.674398148149</c:v>
                </c:pt>
                <c:pt idx="938">
                  <c:v>43194.591157407405</c:v>
                </c:pt>
                <c:pt idx="939">
                  <c:v>43194.549571759257</c:v>
                </c:pt>
                <c:pt idx="940">
                  <c:v>43194.466400462959</c:v>
                </c:pt>
                <c:pt idx="941">
                  <c:v>43194.424756944441</c:v>
                </c:pt>
                <c:pt idx="942">
                  <c:v>43194.383206018516</c:v>
                </c:pt>
                <c:pt idx="943">
                  <c:v>43194.217094907406</c:v>
                </c:pt>
                <c:pt idx="944">
                  <c:v>43194.17560185185</c:v>
                </c:pt>
                <c:pt idx="945">
                  <c:v>43194.134062500001</c:v>
                </c:pt>
                <c:pt idx="946">
                  <c:v>43194.092488425929</c:v>
                </c:pt>
                <c:pt idx="947">
                  <c:v>43194.009386574071</c:v>
                </c:pt>
                <c:pt idx="948">
                  <c:v>43193.967812499999</c:v>
                </c:pt>
                <c:pt idx="949">
                  <c:v>43193.843032407407</c:v>
                </c:pt>
                <c:pt idx="950">
                  <c:v>43193.801458333335</c:v>
                </c:pt>
                <c:pt idx="951">
                  <c:v>43193.759837962964</c:v>
                </c:pt>
                <c:pt idx="952">
                  <c:v>43193.718206018515</c:v>
                </c:pt>
                <c:pt idx="953">
                  <c:v>43193.676550925928</c:v>
                </c:pt>
                <c:pt idx="954">
                  <c:v>43193.635115740741</c:v>
                </c:pt>
                <c:pt idx="955">
                  <c:v>43193.593530092592</c:v>
                </c:pt>
                <c:pt idx="956">
                  <c:v>43193.551932870374</c:v>
                </c:pt>
                <c:pt idx="957">
                  <c:v>43193.510335648149</c:v>
                </c:pt>
                <c:pt idx="958">
                  <c:v>43193.4687962963</c:v>
                </c:pt>
                <c:pt idx="959">
                  <c:v>43193.427245370367</c:v>
                </c:pt>
                <c:pt idx="960">
                  <c:v>43193.385706018518</c:v>
                </c:pt>
                <c:pt idx="961">
                  <c:v>43193.30259259259</c:v>
                </c:pt>
                <c:pt idx="962">
                  <c:v>43193.260949074072</c:v>
                </c:pt>
                <c:pt idx="963">
                  <c:v>43193.219444444447</c:v>
                </c:pt>
                <c:pt idx="964">
                  <c:v>43193.094571759262</c:v>
                </c:pt>
                <c:pt idx="965">
                  <c:v>43193.052986111114</c:v>
                </c:pt>
                <c:pt idx="966">
                  <c:v>43192.928159722222</c:v>
                </c:pt>
                <c:pt idx="967">
                  <c:v>43192.886574074073</c:v>
                </c:pt>
                <c:pt idx="968">
                  <c:v>43192.803391203706</c:v>
                </c:pt>
                <c:pt idx="969">
                  <c:v>43192.720138888886</c:v>
                </c:pt>
                <c:pt idx="970">
                  <c:v>43192.678530092591</c:v>
                </c:pt>
                <c:pt idx="971">
                  <c:v>43192.637048611112</c:v>
                </c:pt>
                <c:pt idx="972">
                  <c:v>43192.595243055555</c:v>
                </c:pt>
                <c:pt idx="973">
                  <c:v>43192.553703703707</c:v>
                </c:pt>
                <c:pt idx="974">
                  <c:v>43192.51222222222</c:v>
                </c:pt>
                <c:pt idx="975">
                  <c:v>43192.470578703702</c:v>
                </c:pt>
                <c:pt idx="976">
                  <c:v>43192.42895833333</c:v>
                </c:pt>
                <c:pt idx="977">
                  <c:v>43192.387326388889</c:v>
                </c:pt>
                <c:pt idx="978">
                  <c:v>43192.387326388889</c:v>
                </c:pt>
                <c:pt idx="979">
                  <c:v>43192.345706018517</c:v>
                </c:pt>
                <c:pt idx="980">
                  <c:v>43192.304166666669</c:v>
                </c:pt>
                <c:pt idx="981">
                  <c:v>43192.262627314813</c:v>
                </c:pt>
                <c:pt idx="982">
                  <c:v>43192.220983796295</c:v>
                </c:pt>
                <c:pt idx="983">
                  <c:v>43192.179456018515</c:v>
                </c:pt>
                <c:pt idx="984">
                  <c:v>43192.13784722222</c:v>
                </c:pt>
                <c:pt idx="985">
                  <c:v>43192.096203703702</c:v>
                </c:pt>
                <c:pt idx="986">
                  <c:v>43192.054583333331</c:v>
                </c:pt>
                <c:pt idx="987">
                  <c:v>43192.012986111113</c:v>
                </c:pt>
                <c:pt idx="988">
                  <c:v>43191.971365740741</c:v>
                </c:pt>
                <c:pt idx="989">
                  <c:v>43191.929826388892</c:v>
                </c:pt>
                <c:pt idx="990">
                  <c:v>43191.888240740744</c:v>
                </c:pt>
                <c:pt idx="991">
                  <c:v>43191.846608796295</c:v>
                </c:pt>
                <c:pt idx="992">
                  <c:v>43191.805</c:v>
                </c:pt>
                <c:pt idx="993">
                  <c:v>43191.763402777775</c:v>
                </c:pt>
                <c:pt idx="994">
                  <c:v>43191.721782407411</c:v>
                </c:pt>
                <c:pt idx="995">
                  <c:v>43191.680173611108</c:v>
                </c:pt>
                <c:pt idx="996">
                  <c:v>43191.63853009259</c:v>
                </c:pt>
                <c:pt idx="997">
                  <c:v>43191.596909722219</c:v>
                </c:pt>
                <c:pt idx="998">
                  <c:v>43191.555289351854</c:v>
                </c:pt>
                <c:pt idx="999">
                  <c:v>43191.513645833336</c:v>
                </c:pt>
                <c:pt idx="1000">
                  <c:v>43191.472013888888</c:v>
                </c:pt>
                <c:pt idx="1001">
                  <c:v>43191.430405092593</c:v>
                </c:pt>
                <c:pt idx="1002">
                  <c:v>43191.388784722221</c:v>
                </c:pt>
                <c:pt idx="1003">
                  <c:v>43191.263958333337</c:v>
                </c:pt>
                <c:pt idx="1004">
                  <c:v>43191.222372685188</c:v>
                </c:pt>
                <c:pt idx="1005">
                  <c:v>43191.18072916667</c:v>
                </c:pt>
                <c:pt idx="1006">
                  <c:v>43191.097638888888</c:v>
                </c:pt>
                <c:pt idx="1007">
                  <c:v>43191.056203703702</c:v>
                </c:pt>
                <c:pt idx="1008">
                  <c:v>43191.014652777776</c:v>
                </c:pt>
                <c:pt idx="1009">
                  <c:v>43190.973032407404</c:v>
                </c:pt>
                <c:pt idx="1010">
                  <c:v>43190.931435185186</c:v>
                </c:pt>
                <c:pt idx="1011">
                  <c:v>43190.889780092592</c:v>
                </c:pt>
                <c:pt idx="1012">
                  <c:v>43190.848171296297</c:v>
                </c:pt>
                <c:pt idx="1013">
                  <c:v>43190.806550925925</c:v>
                </c:pt>
                <c:pt idx="1014">
                  <c:v>43190.764907407407</c:v>
                </c:pt>
                <c:pt idx="1015">
                  <c:v>43190.723298611112</c:v>
                </c:pt>
                <c:pt idx="1016">
                  <c:v>43190.681701388887</c:v>
                </c:pt>
                <c:pt idx="1017">
                  <c:v>43190.640069444446</c:v>
                </c:pt>
                <c:pt idx="1018">
                  <c:v>43190.598449074074</c:v>
                </c:pt>
                <c:pt idx="1019">
                  <c:v>43190.556817129633</c:v>
                </c:pt>
                <c:pt idx="1020">
                  <c:v>43190.515196759261</c:v>
                </c:pt>
                <c:pt idx="1021">
                  <c:v>43190.473553240743</c:v>
                </c:pt>
                <c:pt idx="1022">
                  <c:v>43190.431921296295</c:v>
                </c:pt>
                <c:pt idx="1023">
                  <c:v>43190.390266203707</c:v>
                </c:pt>
                <c:pt idx="1024">
                  <c:v>43190.307013888887</c:v>
                </c:pt>
                <c:pt idx="1025">
                  <c:v>43190.265381944446</c:v>
                </c:pt>
                <c:pt idx="1026">
                  <c:v>43190.223761574074</c:v>
                </c:pt>
                <c:pt idx="1027">
                  <c:v>43190.182129629633</c:v>
                </c:pt>
                <c:pt idx="1028">
                  <c:v>43190.140497685185</c:v>
                </c:pt>
                <c:pt idx="1029">
                  <c:v>43190.098865740743</c:v>
                </c:pt>
                <c:pt idx="1030">
                  <c:v>43190.015613425923</c:v>
                </c:pt>
                <c:pt idx="1031">
                  <c:v>43189.973981481482</c:v>
                </c:pt>
                <c:pt idx="1032">
                  <c:v>43189.932372685187</c:v>
                </c:pt>
                <c:pt idx="1033">
                  <c:v>43189.890729166669</c:v>
                </c:pt>
                <c:pt idx="1034">
                  <c:v>43189.849085648151</c:v>
                </c:pt>
                <c:pt idx="1035">
                  <c:v>43189.807453703703</c:v>
                </c:pt>
                <c:pt idx="1036">
                  <c:v>43189.765821759262</c:v>
                </c:pt>
                <c:pt idx="1037">
                  <c:v>43189.72420138889</c:v>
                </c:pt>
                <c:pt idx="1038">
                  <c:v>43189.682569444441</c:v>
                </c:pt>
                <c:pt idx="1039">
                  <c:v>43189.640925925924</c:v>
                </c:pt>
                <c:pt idx="1040">
                  <c:v>43189.599293981482</c:v>
                </c:pt>
                <c:pt idx="1041">
                  <c:v>43189.557650462964</c:v>
                </c:pt>
                <c:pt idx="1042">
                  <c:v>43189.516018518516</c:v>
                </c:pt>
                <c:pt idx="1043">
                  <c:v>43189.474398148152</c:v>
                </c:pt>
                <c:pt idx="1044">
                  <c:v>43189.43277777778</c:v>
                </c:pt>
                <c:pt idx="1045">
                  <c:v>43189.391168981485</c:v>
                </c:pt>
                <c:pt idx="1046">
                  <c:v>43189.349548611113</c:v>
                </c:pt>
                <c:pt idx="1047">
                  <c:v>43189.307905092595</c:v>
                </c:pt>
                <c:pt idx="1048">
                  <c:v>43189.224664351852</c:v>
                </c:pt>
                <c:pt idx="1049">
                  <c:v>43189.183113425926</c:v>
                </c:pt>
                <c:pt idx="1050">
                  <c:v>43189.141504629632</c:v>
                </c:pt>
                <c:pt idx="1051">
                  <c:v>43189.099872685183</c:v>
                </c:pt>
                <c:pt idx="1052">
                  <c:v>43189.058229166665</c:v>
                </c:pt>
                <c:pt idx="1053">
                  <c:v>43189.016712962963</c:v>
                </c:pt>
                <c:pt idx="1054">
                  <c:v>43188.975092592591</c:v>
                </c:pt>
                <c:pt idx="1055">
                  <c:v>43188.933483796296</c:v>
                </c:pt>
                <c:pt idx="1056">
                  <c:v>43188.850300925929</c:v>
                </c:pt>
                <c:pt idx="1057">
                  <c:v>43188.808715277781</c:v>
                </c:pt>
                <c:pt idx="1058">
                  <c:v>43188.767152777778</c:v>
                </c:pt>
                <c:pt idx="1059">
                  <c:v>43188.72552083333</c:v>
                </c:pt>
                <c:pt idx="1060">
                  <c:v>43188.683877314812</c:v>
                </c:pt>
                <c:pt idx="1061">
                  <c:v>43188.642268518517</c:v>
                </c:pt>
                <c:pt idx="1062">
                  <c:v>43188.600636574076</c:v>
                </c:pt>
                <c:pt idx="1063">
                  <c:v>43188.517442129632</c:v>
                </c:pt>
                <c:pt idx="1064">
                  <c:v>43188.475810185184</c:v>
                </c:pt>
                <c:pt idx="1065">
                  <c:v>43188.434212962966</c:v>
                </c:pt>
                <c:pt idx="1066">
                  <c:v>43188.392604166664</c:v>
                </c:pt>
                <c:pt idx="1067">
                  <c:v>43188.350960648146</c:v>
                </c:pt>
                <c:pt idx="1068">
                  <c:v>43188.309317129628</c:v>
                </c:pt>
                <c:pt idx="1069">
                  <c:v>43188.267743055556</c:v>
                </c:pt>
                <c:pt idx="1070">
                  <c:v>43188.226111111115</c:v>
                </c:pt>
                <c:pt idx="1071">
                  <c:v>43188.184687499997</c:v>
                </c:pt>
                <c:pt idx="1072">
                  <c:v>43188.143171296295</c:v>
                </c:pt>
                <c:pt idx="1073">
                  <c:v>43188.101574074077</c:v>
                </c:pt>
                <c:pt idx="1074">
                  <c:v>43188.059942129628</c:v>
                </c:pt>
                <c:pt idx="1075">
                  <c:v>43188.018333333333</c:v>
                </c:pt>
                <c:pt idx="1076">
                  <c:v>43187.976689814815</c:v>
                </c:pt>
                <c:pt idx="1077">
                  <c:v>43187.935057870367</c:v>
                </c:pt>
                <c:pt idx="1078">
                  <c:v>43187.893414351849</c:v>
                </c:pt>
                <c:pt idx="1079">
                  <c:v>43187.851805555554</c:v>
                </c:pt>
                <c:pt idx="1080">
                  <c:v>43187.810173611113</c:v>
                </c:pt>
                <c:pt idx="1081">
                  <c:v>43187.768553240741</c:v>
                </c:pt>
                <c:pt idx="1082">
                  <c:v>43187.72693287037</c:v>
                </c:pt>
                <c:pt idx="1083">
                  <c:v>43187.685324074075</c:v>
                </c:pt>
                <c:pt idx="1084">
                  <c:v>43187.643761574072</c:v>
                </c:pt>
                <c:pt idx="1085">
                  <c:v>43187.602129629631</c:v>
                </c:pt>
                <c:pt idx="1086">
                  <c:v>43187.560578703706</c:v>
                </c:pt>
                <c:pt idx="1087">
                  <c:v>43187.518935185188</c:v>
                </c:pt>
                <c:pt idx="1088">
                  <c:v>43187.477303240739</c:v>
                </c:pt>
                <c:pt idx="1089">
                  <c:v>43187.435671296298</c:v>
                </c:pt>
                <c:pt idx="1090">
                  <c:v>43187.39403935185</c:v>
                </c:pt>
                <c:pt idx="1091">
                  <c:v>43187.352395833332</c:v>
                </c:pt>
                <c:pt idx="1092">
                  <c:v>43187.310810185183</c:v>
                </c:pt>
                <c:pt idx="1093">
                  <c:v>43187.269259259258</c:v>
                </c:pt>
                <c:pt idx="1094">
                  <c:v>43187.22760416667</c:v>
                </c:pt>
                <c:pt idx="1095">
                  <c:v>43187.185972222222</c:v>
                </c:pt>
                <c:pt idx="1096">
                  <c:v>43187.14435185185</c:v>
                </c:pt>
                <c:pt idx="1097">
                  <c:v>43187.102731481478</c:v>
                </c:pt>
                <c:pt idx="1098">
                  <c:v>43187.061099537037</c:v>
                </c:pt>
                <c:pt idx="1099">
                  <c:v>43187.019479166665</c:v>
                </c:pt>
                <c:pt idx="1100">
                  <c:v>43186.977847222224</c:v>
                </c:pt>
                <c:pt idx="1101">
                  <c:v>43186.936226851853</c:v>
                </c:pt>
                <c:pt idx="1102">
                  <c:v>43186.894606481481</c:v>
                </c:pt>
                <c:pt idx="1103">
                  <c:v>43186.853009259263</c:v>
                </c:pt>
                <c:pt idx="1104">
                  <c:v>43186.811400462961</c:v>
                </c:pt>
                <c:pt idx="1105">
                  <c:v>43186.769768518519</c:v>
                </c:pt>
                <c:pt idx="1106">
                  <c:v>43186.728125000001</c:v>
                </c:pt>
                <c:pt idx="1107">
                  <c:v>43186.686516203707</c:v>
                </c:pt>
                <c:pt idx="1108">
                  <c:v>43186.644884259258</c:v>
                </c:pt>
                <c:pt idx="1109">
                  <c:v>43186.603263888886</c:v>
                </c:pt>
                <c:pt idx="1110">
                  <c:v>43186.561620370368</c:v>
                </c:pt>
                <c:pt idx="1111">
                  <c:v>43186.519988425927</c:v>
                </c:pt>
                <c:pt idx="1112">
                  <c:v>43186.478344907409</c:v>
                </c:pt>
                <c:pt idx="1113">
                  <c:v>43186.436724537038</c:v>
                </c:pt>
                <c:pt idx="1114">
                  <c:v>43186.395092592589</c:v>
                </c:pt>
                <c:pt idx="1115">
                  <c:v>43186.353460648148</c:v>
                </c:pt>
                <c:pt idx="1116">
                  <c:v>43186.311840277776</c:v>
                </c:pt>
                <c:pt idx="1117">
                  <c:v>43186.270208333335</c:v>
                </c:pt>
                <c:pt idx="1118">
                  <c:v>43186.228587962964</c:v>
                </c:pt>
                <c:pt idx="1119">
                  <c:v>43186.186990740738</c:v>
                </c:pt>
                <c:pt idx="1120">
                  <c:v>43186.145370370374</c:v>
                </c:pt>
                <c:pt idx="1121">
                  <c:v>43186.103750000002</c:v>
                </c:pt>
                <c:pt idx="1122">
                  <c:v>43186.020497685182</c:v>
                </c:pt>
                <c:pt idx="1123">
                  <c:v>43185.9372337963</c:v>
                </c:pt>
                <c:pt idx="1124">
                  <c:v>43185.895624999997</c:v>
                </c:pt>
                <c:pt idx="1125">
                  <c:v>43185.853993055556</c:v>
                </c:pt>
                <c:pt idx="1126">
                  <c:v>43185.812361111108</c:v>
                </c:pt>
                <c:pt idx="1127">
                  <c:v>43185.77071759259</c:v>
                </c:pt>
                <c:pt idx="1128">
                  <c:v>43185.729120370372</c:v>
                </c:pt>
                <c:pt idx="1129">
                  <c:v>43185.687511574077</c:v>
                </c:pt>
                <c:pt idx="1130">
                  <c:v>43185.645902777775</c:v>
                </c:pt>
              </c:numCache>
            </c:numRef>
          </c:xVal>
          <c:yVal>
            <c:numRef>
              <c:f>グラフ!$I$6:$I$1136</c:f>
              <c:numCache>
                <c:formatCode>0.0</c:formatCode>
                <c:ptCount val="1131"/>
                <c:pt idx="0">
                  <c:v>56.2</c:v>
                </c:pt>
                <c:pt idx="1">
                  <c:v>55.2</c:v>
                </c:pt>
                <c:pt idx="2">
                  <c:v>55.2</c:v>
                </c:pt>
                <c:pt idx="3">
                  <c:v>55.2</c:v>
                </c:pt>
                <c:pt idx="4">
                  <c:v>54.7</c:v>
                </c:pt>
                <c:pt idx="5">
                  <c:v>54.7</c:v>
                </c:pt>
                <c:pt idx="6">
                  <c:v>54.7</c:v>
                </c:pt>
                <c:pt idx="7">
                  <c:v>54.2</c:v>
                </c:pt>
                <c:pt idx="8">
                  <c:v>53.8</c:v>
                </c:pt>
                <c:pt idx="9">
                  <c:v>53.3</c:v>
                </c:pt>
                <c:pt idx="10">
                  <c:v>51.3</c:v>
                </c:pt>
                <c:pt idx="11">
                  <c:v>50.8</c:v>
                </c:pt>
                <c:pt idx="12">
                  <c:v>50.8</c:v>
                </c:pt>
                <c:pt idx="13">
                  <c:v>50.3</c:v>
                </c:pt>
                <c:pt idx="14">
                  <c:v>49.9</c:v>
                </c:pt>
                <c:pt idx="15">
                  <c:v>49.9</c:v>
                </c:pt>
                <c:pt idx="16">
                  <c:v>49.4</c:v>
                </c:pt>
                <c:pt idx="17">
                  <c:v>48.9</c:v>
                </c:pt>
                <c:pt idx="18">
                  <c:v>46.9</c:v>
                </c:pt>
                <c:pt idx="19">
                  <c:v>46.4</c:v>
                </c:pt>
                <c:pt idx="20">
                  <c:v>43</c:v>
                </c:pt>
                <c:pt idx="21">
                  <c:v>42.5</c:v>
                </c:pt>
                <c:pt idx="22">
                  <c:v>41.6</c:v>
                </c:pt>
                <c:pt idx="23">
                  <c:v>39.6</c:v>
                </c:pt>
                <c:pt idx="24">
                  <c:v>33.700000000000003</c:v>
                </c:pt>
                <c:pt idx="25">
                  <c:v>33.700000000000003</c:v>
                </c:pt>
                <c:pt idx="26">
                  <c:v>33.700000000000003</c:v>
                </c:pt>
                <c:pt idx="27">
                  <c:v>33.700000000000003</c:v>
                </c:pt>
                <c:pt idx="28">
                  <c:v>33.700000000000003</c:v>
                </c:pt>
                <c:pt idx="29">
                  <c:v>33.700000000000003</c:v>
                </c:pt>
                <c:pt idx="30">
                  <c:v>33.299999999999997</c:v>
                </c:pt>
                <c:pt idx="31">
                  <c:v>33.299999999999997</c:v>
                </c:pt>
                <c:pt idx="32">
                  <c:v>33.299999999999997</c:v>
                </c:pt>
                <c:pt idx="33">
                  <c:v>32.799999999999997</c:v>
                </c:pt>
                <c:pt idx="34">
                  <c:v>30.3</c:v>
                </c:pt>
                <c:pt idx="35">
                  <c:v>30.3</c:v>
                </c:pt>
                <c:pt idx="36">
                  <c:v>29.8</c:v>
                </c:pt>
                <c:pt idx="37">
                  <c:v>29.3</c:v>
                </c:pt>
                <c:pt idx="38">
                  <c:v>27.4</c:v>
                </c:pt>
                <c:pt idx="39">
                  <c:v>25</c:v>
                </c:pt>
                <c:pt idx="40">
                  <c:v>23</c:v>
                </c:pt>
                <c:pt idx="41">
                  <c:v>18.100000000000001</c:v>
                </c:pt>
                <c:pt idx="42">
                  <c:v>16.2</c:v>
                </c:pt>
                <c:pt idx="43">
                  <c:v>15.2</c:v>
                </c:pt>
                <c:pt idx="44">
                  <c:v>14.2</c:v>
                </c:pt>
                <c:pt idx="45">
                  <c:v>14.2</c:v>
                </c:pt>
                <c:pt idx="46">
                  <c:v>13.7</c:v>
                </c:pt>
                <c:pt idx="47">
                  <c:v>13.7</c:v>
                </c:pt>
                <c:pt idx="48">
                  <c:v>13.2</c:v>
                </c:pt>
                <c:pt idx="49">
                  <c:v>13.2</c:v>
                </c:pt>
                <c:pt idx="50">
                  <c:v>13.2</c:v>
                </c:pt>
                <c:pt idx="51">
                  <c:v>13.2</c:v>
                </c:pt>
                <c:pt idx="52">
                  <c:v>13.2</c:v>
                </c:pt>
                <c:pt idx="53">
                  <c:v>13.2</c:v>
                </c:pt>
                <c:pt idx="54">
                  <c:v>13.2</c:v>
                </c:pt>
                <c:pt idx="55">
                  <c:v>13.2</c:v>
                </c:pt>
                <c:pt idx="56">
                  <c:v>12.7</c:v>
                </c:pt>
                <c:pt idx="57">
                  <c:v>12.7</c:v>
                </c:pt>
                <c:pt idx="58">
                  <c:v>12.7</c:v>
                </c:pt>
                <c:pt idx="59">
                  <c:v>12.3</c:v>
                </c:pt>
                <c:pt idx="60">
                  <c:v>12.3</c:v>
                </c:pt>
                <c:pt idx="61">
                  <c:v>12.3</c:v>
                </c:pt>
                <c:pt idx="62">
                  <c:v>11.8</c:v>
                </c:pt>
                <c:pt idx="63">
                  <c:v>11.8</c:v>
                </c:pt>
                <c:pt idx="64">
                  <c:v>11.3</c:v>
                </c:pt>
                <c:pt idx="65">
                  <c:v>11.3</c:v>
                </c:pt>
                <c:pt idx="66">
                  <c:v>10.8</c:v>
                </c:pt>
                <c:pt idx="67">
                  <c:v>10.8</c:v>
                </c:pt>
                <c:pt idx="68">
                  <c:v>10.8</c:v>
                </c:pt>
                <c:pt idx="69">
                  <c:v>10.8</c:v>
                </c:pt>
                <c:pt idx="70">
                  <c:v>10.8</c:v>
                </c:pt>
                <c:pt idx="71">
                  <c:v>10.8</c:v>
                </c:pt>
                <c:pt idx="72">
                  <c:v>10.8</c:v>
                </c:pt>
                <c:pt idx="73">
                  <c:v>10.8</c:v>
                </c:pt>
                <c:pt idx="74">
                  <c:v>10.8</c:v>
                </c:pt>
                <c:pt idx="75">
                  <c:v>10.8</c:v>
                </c:pt>
                <c:pt idx="76">
                  <c:v>10.8</c:v>
                </c:pt>
                <c:pt idx="77">
                  <c:v>10.8</c:v>
                </c:pt>
                <c:pt idx="78">
                  <c:v>10.8</c:v>
                </c:pt>
                <c:pt idx="79">
                  <c:v>10.8</c:v>
                </c:pt>
                <c:pt idx="80">
                  <c:v>10.8</c:v>
                </c:pt>
                <c:pt idx="81">
                  <c:v>10.8</c:v>
                </c:pt>
                <c:pt idx="82">
                  <c:v>10.8</c:v>
                </c:pt>
                <c:pt idx="83">
                  <c:v>10.8</c:v>
                </c:pt>
                <c:pt idx="84">
                  <c:v>10.8</c:v>
                </c:pt>
                <c:pt idx="85">
                  <c:v>10.8</c:v>
                </c:pt>
                <c:pt idx="86">
                  <c:v>10.8</c:v>
                </c:pt>
                <c:pt idx="87">
                  <c:v>10.8</c:v>
                </c:pt>
                <c:pt idx="88">
                  <c:v>10.8</c:v>
                </c:pt>
                <c:pt idx="89">
                  <c:v>10.8</c:v>
                </c:pt>
                <c:pt idx="90">
                  <c:v>10.8</c:v>
                </c:pt>
                <c:pt idx="91">
                  <c:v>10.8</c:v>
                </c:pt>
                <c:pt idx="92">
                  <c:v>10.8</c:v>
                </c:pt>
                <c:pt idx="93">
                  <c:v>10.3</c:v>
                </c:pt>
                <c:pt idx="94">
                  <c:v>10.3</c:v>
                </c:pt>
                <c:pt idx="95">
                  <c:v>10.8</c:v>
                </c:pt>
                <c:pt idx="96">
                  <c:v>10.8</c:v>
                </c:pt>
                <c:pt idx="97">
                  <c:v>10.8</c:v>
                </c:pt>
                <c:pt idx="98">
                  <c:v>10.8</c:v>
                </c:pt>
                <c:pt idx="99">
                  <c:v>10.8</c:v>
                </c:pt>
                <c:pt idx="100">
                  <c:v>10.8</c:v>
                </c:pt>
                <c:pt idx="101">
                  <c:v>10.8</c:v>
                </c:pt>
                <c:pt idx="102">
                  <c:v>10.8</c:v>
                </c:pt>
                <c:pt idx="103">
                  <c:v>10.8</c:v>
                </c:pt>
                <c:pt idx="104">
                  <c:v>10.8</c:v>
                </c:pt>
                <c:pt idx="105">
                  <c:v>10.8</c:v>
                </c:pt>
                <c:pt idx="106">
                  <c:v>11.3</c:v>
                </c:pt>
                <c:pt idx="107">
                  <c:v>11.3</c:v>
                </c:pt>
                <c:pt idx="108">
                  <c:v>11.3</c:v>
                </c:pt>
                <c:pt idx="109">
                  <c:v>11.3</c:v>
                </c:pt>
                <c:pt idx="110">
                  <c:v>11.3</c:v>
                </c:pt>
                <c:pt idx="111">
                  <c:v>11.3</c:v>
                </c:pt>
                <c:pt idx="112">
                  <c:v>11.3</c:v>
                </c:pt>
                <c:pt idx="113">
                  <c:v>11.3</c:v>
                </c:pt>
                <c:pt idx="114">
                  <c:v>11.3</c:v>
                </c:pt>
                <c:pt idx="115">
                  <c:v>11.3</c:v>
                </c:pt>
                <c:pt idx="116">
                  <c:v>11.3</c:v>
                </c:pt>
                <c:pt idx="117">
                  <c:v>11.3</c:v>
                </c:pt>
                <c:pt idx="118">
                  <c:v>11.3</c:v>
                </c:pt>
                <c:pt idx="119">
                  <c:v>11.3</c:v>
                </c:pt>
                <c:pt idx="120">
                  <c:v>11.3</c:v>
                </c:pt>
                <c:pt idx="121">
                  <c:v>11.3</c:v>
                </c:pt>
                <c:pt idx="122">
                  <c:v>11.3</c:v>
                </c:pt>
                <c:pt idx="123">
                  <c:v>11.3</c:v>
                </c:pt>
                <c:pt idx="124">
                  <c:v>11.3</c:v>
                </c:pt>
                <c:pt idx="125">
                  <c:v>11.3</c:v>
                </c:pt>
                <c:pt idx="126">
                  <c:v>11.3</c:v>
                </c:pt>
                <c:pt idx="127">
                  <c:v>11.3</c:v>
                </c:pt>
                <c:pt idx="128">
                  <c:v>11.3</c:v>
                </c:pt>
                <c:pt idx="129">
                  <c:v>11.3</c:v>
                </c:pt>
                <c:pt idx="130">
                  <c:v>11.3</c:v>
                </c:pt>
                <c:pt idx="131">
                  <c:v>11.3</c:v>
                </c:pt>
                <c:pt idx="132">
                  <c:v>11.3</c:v>
                </c:pt>
                <c:pt idx="133">
                  <c:v>11.3</c:v>
                </c:pt>
                <c:pt idx="134">
                  <c:v>11.3</c:v>
                </c:pt>
                <c:pt idx="135">
                  <c:v>11.3</c:v>
                </c:pt>
                <c:pt idx="136">
                  <c:v>11.3</c:v>
                </c:pt>
                <c:pt idx="137">
                  <c:v>11.3</c:v>
                </c:pt>
                <c:pt idx="138">
                  <c:v>11.3</c:v>
                </c:pt>
                <c:pt idx="139">
                  <c:v>11.3</c:v>
                </c:pt>
                <c:pt idx="140">
                  <c:v>10.8</c:v>
                </c:pt>
                <c:pt idx="141">
                  <c:v>10.8</c:v>
                </c:pt>
                <c:pt idx="142">
                  <c:v>10.8</c:v>
                </c:pt>
                <c:pt idx="143">
                  <c:v>10.8</c:v>
                </c:pt>
                <c:pt idx="144">
                  <c:v>10.8</c:v>
                </c:pt>
                <c:pt idx="145">
                  <c:v>10.8</c:v>
                </c:pt>
                <c:pt idx="146">
                  <c:v>10.8</c:v>
                </c:pt>
                <c:pt idx="147">
                  <c:v>10.8</c:v>
                </c:pt>
                <c:pt idx="148">
                  <c:v>10.8</c:v>
                </c:pt>
                <c:pt idx="149">
                  <c:v>10.8</c:v>
                </c:pt>
                <c:pt idx="150">
                  <c:v>10.8</c:v>
                </c:pt>
                <c:pt idx="151">
                  <c:v>10.8</c:v>
                </c:pt>
                <c:pt idx="152">
                  <c:v>10.8</c:v>
                </c:pt>
                <c:pt idx="153">
                  <c:v>10.8</c:v>
                </c:pt>
                <c:pt idx="154">
                  <c:v>10.8</c:v>
                </c:pt>
                <c:pt idx="155">
                  <c:v>10.8</c:v>
                </c:pt>
                <c:pt idx="156">
                  <c:v>10.8</c:v>
                </c:pt>
                <c:pt idx="157">
                  <c:v>10.8</c:v>
                </c:pt>
                <c:pt idx="158">
                  <c:v>10.8</c:v>
                </c:pt>
                <c:pt idx="159">
                  <c:v>10.8</c:v>
                </c:pt>
                <c:pt idx="160">
                  <c:v>10.8</c:v>
                </c:pt>
                <c:pt idx="161">
                  <c:v>10.8</c:v>
                </c:pt>
                <c:pt idx="162">
                  <c:v>10.8</c:v>
                </c:pt>
                <c:pt idx="163">
                  <c:v>10.8</c:v>
                </c:pt>
                <c:pt idx="164">
                  <c:v>10.3</c:v>
                </c:pt>
                <c:pt idx="165">
                  <c:v>10.8</c:v>
                </c:pt>
                <c:pt idx="166">
                  <c:v>10.8</c:v>
                </c:pt>
                <c:pt idx="167">
                  <c:v>10.8</c:v>
                </c:pt>
                <c:pt idx="168">
                  <c:v>10.8</c:v>
                </c:pt>
                <c:pt idx="169">
                  <c:v>11.3</c:v>
                </c:pt>
                <c:pt idx="170">
                  <c:v>11.3</c:v>
                </c:pt>
                <c:pt idx="171">
                  <c:v>11.3</c:v>
                </c:pt>
                <c:pt idx="172">
                  <c:v>10.8</c:v>
                </c:pt>
                <c:pt idx="173">
                  <c:v>10.8</c:v>
                </c:pt>
                <c:pt idx="174">
                  <c:v>10.8</c:v>
                </c:pt>
                <c:pt idx="175">
                  <c:v>10.8</c:v>
                </c:pt>
                <c:pt idx="176">
                  <c:v>10.8</c:v>
                </c:pt>
                <c:pt idx="177">
                  <c:v>10.3</c:v>
                </c:pt>
                <c:pt idx="178">
                  <c:v>10.3</c:v>
                </c:pt>
                <c:pt idx="179">
                  <c:v>10.3</c:v>
                </c:pt>
                <c:pt idx="180">
                  <c:v>10.3</c:v>
                </c:pt>
                <c:pt idx="181">
                  <c:v>10.3</c:v>
                </c:pt>
                <c:pt idx="182">
                  <c:v>10.3</c:v>
                </c:pt>
                <c:pt idx="183">
                  <c:v>10.3</c:v>
                </c:pt>
                <c:pt idx="184">
                  <c:v>10.3</c:v>
                </c:pt>
                <c:pt idx="185">
                  <c:v>10.3</c:v>
                </c:pt>
                <c:pt idx="186">
                  <c:v>10.3</c:v>
                </c:pt>
                <c:pt idx="187">
                  <c:v>10.3</c:v>
                </c:pt>
                <c:pt idx="188">
                  <c:v>10.3</c:v>
                </c:pt>
                <c:pt idx="189">
                  <c:v>10.3</c:v>
                </c:pt>
                <c:pt idx="190">
                  <c:v>10.3</c:v>
                </c:pt>
                <c:pt idx="191">
                  <c:v>10.3</c:v>
                </c:pt>
                <c:pt idx="192">
                  <c:v>10.3</c:v>
                </c:pt>
                <c:pt idx="193">
                  <c:v>10.3</c:v>
                </c:pt>
                <c:pt idx="194">
                  <c:v>10.3</c:v>
                </c:pt>
                <c:pt idx="195">
                  <c:v>10.3</c:v>
                </c:pt>
                <c:pt idx="196">
                  <c:v>10.3</c:v>
                </c:pt>
                <c:pt idx="197">
                  <c:v>10.3</c:v>
                </c:pt>
                <c:pt idx="198">
                  <c:v>10.3</c:v>
                </c:pt>
                <c:pt idx="199">
                  <c:v>9.8000000000000007</c:v>
                </c:pt>
                <c:pt idx="200">
                  <c:v>9.8000000000000007</c:v>
                </c:pt>
                <c:pt idx="201">
                  <c:v>9.8000000000000007</c:v>
                </c:pt>
                <c:pt idx="202">
                  <c:v>9.8000000000000007</c:v>
                </c:pt>
                <c:pt idx="203">
                  <c:v>9.8000000000000007</c:v>
                </c:pt>
                <c:pt idx="204">
                  <c:v>9.8000000000000007</c:v>
                </c:pt>
                <c:pt idx="205">
                  <c:v>9.8000000000000007</c:v>
                </c:pt>
                <c:pt idx="206">
                  <c:v>9.8000000000000007</c:v>
                </c:pt>
                <c:pt idx="207">
                  <c:v>9.8000000000000007</c:v>
                </c:pt>
                <c:pt idx="208">
                  <c:v>9.8000000000000007</c:v>
                </c:pt>
                <c:pt idx="209">
                  <c:v>10.3</c:v>
                </c:pt>
                <c:pt idx="210">
                  <c:v>10.3</c:v>
                </c:pt>
                <c:pt idx="211">
                  <c:v>10.3</c:v>
                </c:pt>
                <c:pt idx="212">
                  <c:v>10.3</c:v>
                </c:pt>
                <c:pt idx="213">
                  <c:v>10.3</c:v>
                </c:pt>
                <c:pt idx="214">
                  <c:v>10.3</c:v>
                </c:pt>
                <c:pt idx="215">
                  <c:v>10.3</c:v>
                </c:pt>
                <c:pt idx="216">
                  <c:v>10.3</c:v>
                </c:pt>
                <c:pt idx="217">
                  <c:v>10.3</c:v>
                </c:pt>
                <c:pt idx="218">
                  <c:v>10.3</c:v>
                </c:pt>
                <c:pt idx="219">
                  <c:v>10.3</c:v>
                </c:pt>
                <c:pt idx="220">
                  <c:v>10.3</c:v>
                </c:pt>
                <c:pt idx="221">
                  <c:v>10.3</c:v>
                </c:pt>
                <c:pt idx="222">
                  <c:v>10.3</c:v>
                </c:pt>
                <c:pt idx="223">
                  <c:v>10.3</c:v>
                </c:pt>
                <c:pt idx="224">
                  <c:v>10.3</c:v>
                </c:pt>
                <c:pt idx="225">
                  <c:v>10.3</c:v>
                </c:pt>
                <c:pt idx="226">
                  <c:v>10.3</c:v>
                </c:pt>
                <c:pt idx="227">
                  <c:v>10.3</c:v>
                </c:pt>
                <c:pt idx="228">
                  <c:v>10.3</c:v>
                </c:pt>
                <c:pt idx="229">
                  <c:v>10.3</c:v>
                </c:pt>
                <c:pt idx="230">
                  <c:v>10.3</c:v>
                </c:pt>
                <c:pt idx="231">
                  <c:v>10.3</c:v>
                </c:pt>
                <c:pt idx="232">
                  <c:v>10.3</c:v>
                </c:pt>
                <c:pt idx="233">
                  <c:v>10.3</c:v>
                </c:pt>
                <c:pt idx="234">
                  <c:v>10.3</c:v>
                </c:pt>
                <c:pt idx="235">
                  <c:v>10.3</c:v>
                </c:pt>
                <c:pt idx="236">
                  <c:v>10.3</c:v>
                </c:pt>
                <c:pt idx="237">
                  <c:v>10.3</c:v>
                </c:pt>
                <c:pt idx="238">
                  <c:v>10.3</c:v>
                </c:pt>
                <c:pt idx="239">
                  <c:v>10.3</c:v>
                </c:pt>
                <c:pt idx="240">
                  <c:v>10.3</c:v>
                </c:pt>
                <c:pt idx="241">
                  <c:v>10.8</c:v>
                </c:pt>
                <c:pt idx="242">
                  <c:v>10.8</c:v>
                </c:pt>
                <c:pt idx="243">
                  <c:v>10.8</c:v>
                </c:pt>
                <c:pt idx="244">
                  <c:v>10.8</c:v>
                </c:pt>
                <c:pt idx="245">
                  <c:v>10.8</c:v>
                </c:pt>
                <c:pt idx="246">
                  <c:v>10.8</c:v>
                </c:pt>
                <c:pt idx="247">
                  <c:v>10.8</c:v>
                </c:pt>
                <c:pt idx="248">
                  <c:v>10.8</c:v>
                </c:pt>
                <c:pt idx="249">
                  <c:v>10.8</c:v>
                </c:pt>
                <c:pt idx="250">
                  <c:v>10.8</c:v>
                </c:pt>
                <c:pt idx="251">
                  <c:v>10.8</c:v>
                </c:pt>
                <c:pt idx="252">
                  <c:v>10.8</c:v>
                </c:pt>
                <c:pt idx="253">
                  <c:v>10.8</c:v>
                </c:pt>
                <c:pt idx="254">
                  <c:v>10.8</c:v>
                </c:pt>
                <c:pt idx="255">
                  <c:v>10.8</c:v>
                </c:pt>
                <c:pt idx="256">
                  <c:v>10.8</c:v>
                </c:pt>
                <c:pt idx="257">
                  <c:v>10.8</c:v>
                </c:pt>
                <c:pt idx="258">
                  <c:v>10.8</c:v>
                </c:pt>
                <c:pt idx="259">
                  <c:v>10.8</c:v>
                </c:pt>
                <c:pt idx="260">
                  <c:v>10.8</c:v>
                </c:pt>
                <c:pt idx="261">
                  <c:v>10.8</c:v>
                </c:pt>
                <c:pt idx="262">
                  <c:v>10.8</c:v>
                </c:pt>
                <c:pt idx="263">
                  <c:v>10.8</c:v>
                </c:pt>
                <c:pt idx="264">
                  <c:v>11.3</c:v>
                </c:pt>
                <c:pt idx="265">
                  <c:v>11.3</c:v>
                </c:pt>
                <c:pt idx="266">
                  <c:v>11.3</c:v>
                </c:pt>
                <c:pt idx="267">
                  <c:v>11.3</c:v>
                </c:pt>
                <c:pt idx="268">
                  <c:v>11.3</c:v>
                </c:pt>
                <c:pt idx="269">
                  <c:v>11.3</c:v>
                </c:pt>
                <c:pt idx="270">
                  <c:v>11.3</c:v>
                </c:pt>
                <c:pt idx="271">
                  <c:v>11.8</c:v>
                </c:pt>
                <c:pt idx="272">
                  <c:v>11.8</c:v>
                </c:pt>
                <c:pt idx="273">
                  <c:v>11.8</c:v>
                </c:pt>
                <c:pt idx="274">
                  <c:v>11.3</c:v>
                </c:pt>
                <c:pt idx="275">
                  <c:v>11.3</c:v>
                </c:pt>
                <c:pt idx="276">
                  <c:v>11.3</c:v>
                </c:pt>
                <c:pt idx="277">
                  <c:v>11.3</c:v>
                </c:pt>
                <c:pt idx="278">
                  <c:v>11.3</c:v>
                </c:pt>
                <c:pt idx="279">
                  <c:v>11.8</c:v>
                </c:pt>
                <c:pt idx="280">
                  <c:v>11.8</c:v>
                </c:pt>
                <c:pt idx="281">
                  <c:v>11.8</c:v>
                </c:pt>
                <c:pt idx="282">
                  <c:v>11.3</c:v>
                </c:pt>
                <c:pt idx="283">
                  <c:v>11.3</c:v>
                </c:pt>
                <c:pt idx="284">
                  <c:v>11.3</c:v>
                </c:pt>
                <c:pt idx="285">
                  <c:v>11.3</c:v>
                </c:pt>
                <c:pt idx="286">
                  <c:v>10.8</c:v>
                </c:pt>
                <c:pt idx="287">
                  <c:v>10.8</c:v>
                </c:pt>
                <c:pt idx="288">
                  <c:v>10.8</c:v>
                </c:pt>
                <c:pt idx="289">
                  <c:v>10.8</c:v>
                </c:pt>
                <c:pt idx="290">
                  <c:v>10.8</c:v>
                </c:pt>
                <c:pt idx="291">
                  <c:v>10.8</c:v>
                </c:pt>
                <c:pt idx="292">
                  <c:v>10.8</c:v>
                </c:pt>
                <c:pt idx="293">
                  <c:v>10.8</c:v>
                </c:pt>
                <c:pt idx="294">
                  <c:v>10.8</c:v>
                </c:pt>
                <c:pt idx="295">
                  <c:v>10.8</c:v>
                </c:pt>
                <c:pt idx="296">
                  <c:v>10.8</c:v>
                </c:pt>
                <c:pt idx="297">
                  <c:v>10.8</c:v>
                </c:pt>
                <c:pt idx="298">
                  <c:v>10.8</c:v>
                </c:pt>
                <c:pt idx="299">
                  <c:v>10.8</c:v>
                </c:pt>
                <c:pt idx="300">
                  <c:v>10.8</c:v>
                </c:pt>
                <c:pt idx="301">
                  <c:v>10.8</c:v>
                </c:pt>
                <c:pt idx="302">
                  <c:v>10.8</c:v>
                </c:pt>
                <c:pt idx="303">
                  <c:v>10.8</c:v>
                </c:pt>
                <c:pt idx="304">
                  <c:v>11.3</c:v>
                </c:pt>
                <c:pt idx="305">
                  <c:v>10.8</c:v>
                </c:pt>
                <c:pt idx="306">
                  <c:v>10.8</c:v>
                </c:pt>
                <c:pt idx="307">
                  <c:v>10.8</c:v>
                </c:pt>
                <c:pt idx="308">
                  <c:v>10.8</c:v>
                </c:pt>
                <c:pt idx="309">
                  <c:v>10.3</c:v>
                </c:pt>
                <c:pt idx="310">
                  <c:v>10.3</c:v>
                </c:pt>
                <c:pt idx="311">
                  <c:v>10.3</c:v>
                </c:pt>
                <c:pt idx="312">
                  <c:v>10.3</c:v>
                </c:pt>
                <c:pt idx="313">
                  <c:v>10.3</c:v>
                </c:pt>
                <c:pt idx="314">
                  <c:v>10.8</c:v>
                </c:pt>
                <c:pt idx="315">
                  <c:v>10.8</c:v>
                </c:pt>
                <c:pt idx="316">
                  <c:v>10.8</c:v>
                </c:pt>
                <c:pt idx="317">
                  <c:v>10.3</c:v>
                </c:pt>
                <c:pt idx="318">
                  <c:v>10.3</c:v>
                </c:pt>
                <c:pt idx="319">
                  <c:v>10.3</c:v>
                </c:pt>
                <c:pt idx="320">
                  <c:v>10.3</c:v>
                </c:pt>
                <c:pt idx="321">
                  <c:v>10.3</c:v>
                </c:pt>
                <c:pt idx="322">
                  <c:v>10.3</c:v>
                </c:pt>
                <c:pt idx="323">
                  <c:v>10.3</c:v>
                </c:pt>
                <c:pt idx="324">
                  <c:v>10.3</c:v>
                </c:pt>
                <c:pt idx="325">
                  <c:v>10.3</c:v>
                </c:pt>
                <c:pt idx="326">
                  <c:v>10.3</c:v>
                </c:pt>
                <c:pt idx="327">
                  <c:v>10.3</c:v>
                </c:pt>
                <c:pt idx="328">
                  <c:v>10.3</c:v>
                </c:pt>
                <c:pt idx="329">
                  <c:v>10.8</c:v>
                </c:pt>
                <c:pt idx="330">
                  <c:v>10.8</c:v>
                </c:pt>
                <c:pt idx="331">
                  <c:v>10.8</c:v>
                </c:pt>
                <c:pt idx="332">
                  <c:v>10.8</c:v>
                </c:pt>
                <c:pt idx="333">
                  <c:v>10.8</c:v>
                </c:pt>
                <c:pt idx="334">
                  <c:v>10.8</c:v>
                </c:pt>
                <c:pt idx="335">
                  <c:v>10.8</c:v>
                </c:pt>
                <c:pt idx="336">
                  <c:v>10.8</c:v>
                </c:pt>
                <c:pt idx="337">
                  <c:v>10.8</c:v>
                </c:pt>
                <c:pt idx="338">
                  <c:v>10.8</c:v>
                </c:pt>
                <c:pt idx="339">
                  <c:v>10.8</c:v>
                </c:pt>
                <c:pt idx="340">
                  <c:v>10.8</c:v>
                </c:pt>
                <c:pt idx="341">
                  <c:v>10.8</c:v>
                </c:pt>
                <c:pt idx="342">
                  <c:v>10.3</c:v>
                </c:pt>
                <c:pt idx="343">
                  <c:v>10.3</c:v>
                </c:pt>
                <c:pt idx="344">
                  <c:v>10.3</c:v>
                </c:pt>
                <c:pt idx="345">
                  <c:v>10.3</c:v>
                </c:pt>
                <c:pt idx="346">
                  <c:v>10.3</c:v>
                </c:pt>
                <c:pt idx="347">
                  <c:v>10.3</c:v>
                </c:pt>
                <c:pt idx="348">
                  <c:v>10.3</c:v>
                </c:pt>
                <c:pt idx="349">
                  <c:v>10.3</c:v>
                </c:pt>
                <c:pt idx="350">
                  <c:v>10.3</c:v>
                </c:pt>
                <c:pt idx="351">
                  <c:v>10.3</c:v>
                </c:pt>
                <c:pt idx="352">
                  <c:v>10.3</c:v>
                </c:pt>
                <c:pt idx="353">
                  <c:v>10.3</c:v>
                </c:pt>
                <c:pt idx="354">
                  <c:v>10.3</c:v>
                </c:pt>
                <c:pt idx="355">
                  <c:v>10.3</c:v>
                </c:pt>
                <c:pt idx="356">
                  <c:v>10.3</c:v>
                </c:pt>
                <c:pt idx="357">
                  <c:v>10.3</c:v>
                </c:pt>
                <c:pt idx="358">
                  <c:v>10.3</c:v>
                </c:pt>
                <c:pt idx="359">
                  <c:v>10.3</c:v>
                </c:pt>
                <c:pt idx="360">
                  <c:v>10.3</c:v>
                </c:pt>
                <c:pt idx="361">
                  <c:v>10.8</c:v>
                </c:pt>
                <c:pt idx="362">
                  <c:v>10.8</c:v>
                </c:pt>
                <c:pt idx="363">
                  <c:v>10.8</c:v>
                </c:pt>
                <c:pt idx="364">
                  <c:v>10.8</c:v>
                </c:pt>
                <c:pt idx="365">
                  <c:v>10.8</c:v>
                </c:pt>
                <c:pt idx="366">
                  <c:v>11.3</c:v>
                </c:pt>
                <c:pt idx="367">
                  <c:v>11.3</c:v>
                </c:pt>
                <c:pt idx="368">
                  <c:v>11.3</c:v>
                </c:pt>
                <c:pt idx="369">
                  <c:v>11.3</c:v>
                </c:pt>
                <c:pt idx="370">
                  <c:v>11.3</c:v>
                </c:pt>
                <c:pt idx="371">
                  <c:v>11.3</c:v>
                </c:pt>
                <c:pt idx="372">
                  <c:v>11.3</c:v>
                </c:pt>
                <c:pt idx="373">
                  <c:v>11.3</c:v>
                </c:pt>
                <c:pt idx="374">
                  <c:v>11.3</c:v>
                </c:pt>
                <c:pt idx="375">
                  <c:v>11.3</c:v>
                </c:pt>
                <c:pt idx="376">
                  <c:v>11.3</c:v>
                </c:pt>
                <c:pt idx="377">
                  <c:v>11.3</c:v>
                </c:pt>
                <c:pt idx="378">
                  <c:v>10.8</c:v>
                </c:pt>
                <c:pt idx="379">
                  <c:v>10.8</c:v>
                </c:pt>
                <c:pt idx="380">
                  <c:v>10.8</c:v>
                </c:pt>
                <c:pt idx="381">
                  <c:v>10.3</c:v>
                </c:pt>
                <c:pt idx="382">
                  <c:v>10.3</c:v>
                </c:pt>
                <c:pt idx="383">
                  <c:v>10.3</c:v>
                </c:pt>
                <c:pt idx="384">
                  <c:v>10.3</c:v>
                </c:pt>
                <c:pt idx="385">
                  <c:v>10.3</c:v>
                </c:pt>
                <c:pt idx="386">
                  <c:v>10.8</c:v>
                </c:pt>
                <c:pt idx="387">
                  <c:v>10.8</c:v>
                </c:pt>
                <c:pt idx="388">
                  <c:v>10.8</c:v>
                </c:pt>
                <c:pt idx="389">
                  <c:v>10.8</c:v>
                </c:pt>
                <c:pt idx="390">
                  <c:v>10.8</c:v>
                </c:pt>
                <c:pt idx="391">
                  <c:v>10.8</c:v>
                </c:pt>
                <c:pt idx="392">
                  <c:v>10.8</c:v>
                </c:pt>
                <c:pt idx="393">
                  <c:v>10.8</c:v>
                </c:pt>
                <c:pt idx="394">
                  <c:v>10.8</c:v>
                </c:pt>
                <c:pt idx="395">
                  <c:v>10.8</c:v>
                </c:pt>
                <c:pt idx="396">
                  <c:v>11.3</c:v>
                </c:pt>
                <c:pt idx="397">
                  <c:v>11.3</c:v>
                </c:pt>
                <c:pt idx="398">
                  <c:v>11.3</c:v>
                </c:pt>
                <c:pt idx="399">
                  <c:v>11.3</c:v>
                </c:pt>
                <c:pt idx="400">
                  <c:v>11.3</c:v>
                </c:pt>
                <c:pt idx="401">
                  <c:v>11.3</c:v>
                </c:pt>
                <c:pt idx="402">
                  <c:v>10.8</c:v>
                </c:pt>
                <c:pt idx="403">
                  <c:v>10.8</c:v>
                </c:pt>
                <c:pt idx="404">
                  <c:v>11.3</c:v>
                </c:pt>
                <c:pt idx="405">
                  <c:v>10.8</c:v>
                </c:pt>
                <c:pt idx="406">
                  <c:v>10.8</c:v>
                </c:pt>
                <c:pt idx="407">
                  <c:v>10.8</c:v>
                </c:pt>
                <c:pt idx="408">
                  <c:v>10.3</c:v>
                </c:pt>
                <c:pt idx="409">
                  <c:v>10.8</c:v>
                </c:pt>
                <c:pt idx="410">
                  <c:v>10.8</c:v>
                </c:pt>
                <c:pt idx="411">
                  <c:v>10.8</c:v>
                </c:pt>
                <c:pt idx="412">
                  <c:v>10.8</c:v>
                </c:pt>
                <c:pt idx="413">
                  <c:v>10.8</c:v>
                </c:pt>
                <c:pt idx="414">
                  <c:v>10.8</c:v>
                </c:pt>
                <c:pt idx="415">
                  <c:v>10.8</c:v>
                </c:pt>
                <c:pt idx="416">
                  <c:v>10.8</c:v>
                </c:pt>
                <c:pt idx="417">
                  <c:v>11.3</c:v>
                </c:pt>
                <c:pt idx="418">
                  <c:v>11.3</c:v>
                </c:pt>
                <c:pt idx="419">
                  <c:v>11.3</c:v>
                </c:pt>
                <c:pt idx="420">
                  <c:v>11.3</c:v>
                </c:pt>
                <c:pt idx="421">
                  <c:v>11.3</c:v>
                </c:pt>
                <c:pt idx="422">
                  <c:v>11.3</c:v>
                </c:pt>
                <c:pt idx="423">
                  <c:v>11.3</c:v>
                </c:pt>
                <c:pt idx="424">
                  <c:v>10.8</c:v>
                </c:pt>
                <c:pt idx="425">
                  <c:v>10.8</c:v>
                </c:pt>
                <c:pt idx="426">
                  <c:v>10.8</c:v>
                </c:pt>
                <c:pt idx="427">
                  <c:v>10.3</c:v>
                </c:pt>
                <c:pt idx="428">
                  <c:v>10.3</c:v>
                </c:pt>
                <c:pt idx="429">
                  <c:v>9.8000000000000007</c:v>
                </c:pt>
                <c:pt idx="430">
                  <c:v>9.8000000000000007</c:v>
                </c:pt>
                <c:pt idx="431">
                  <c:v>9.8000000000000007</c:v>
                </c:pt>
                <c:pt idx="432">
                  <c:v>9.3000000000000007</c:v>
                </c:pt>
                <c:pt idx="433">
                  <c:v>8.8000000000000007</c:v>
                </c:pt>
                <c:pt idx="434">
                  <c:v>8.8000000000000007</c:v>
                </c:pt>
                <c:pt idx="435">
                  <c:v>8.8000000000000007</c:v>
                </c:pt>
                <c:pt idx="436">
                  <c:v>8.8000000000000007</c:v>
                </c:pt>
                <c:pt idx="437">
                  <c:v>8.8000000000000007</c:v>
                </c:pt>
                <c:pt idx="438">
                  <c:v>8.8000000000000007</c:v>
                </c:pt>
                <c:pt idx="439">
                  <c:v>8.8000000000000007</c:v>
                </c:pt>
                <c:pt idx="440">
                  <c:v>9.3000000000000007</c:v>
                </c:pt>
                <c:pt idx="441">
                  <c:v>9.3000000000000007</c:v>
                </c:pt>
                <c:pt idx="442">
                  <c:v>9.3000000000000007</c:v>
                </c:pt>
                <c:pt idx="443">
                  <c:v>9.3000000000000007</c:v>
                </c:pt>
                <c:pt idx="444">
                  <c:v>9.3000000000000007</c:v>
                </c:pt>
                <c:pt idx="445">
                  <c:v>9.3000000000000007</c:v>
                </c:pt>
                <c:pt idx="446">
                  <c:v>9.3000000000000007</c:v>
                </c:pt>
                <c:pt idx="447">
                  <c:v>9.3000000000000007</c:v>
                </c:pt>
                <c:pt idx="448">
                  <c:v>9.3000000000000007</c:v>
                </c:pt>
                <c:pt idx="449">
                  <c:v>9.3000000000000007</c:v>
                </c:pt>
                <c:pt idx="450">
                  <c:v>8.8000000000000007</c:v>
                </c:pt>
                <c:pt idx="451">
                  <c:v>8.3000000000000007</c:v>
                </c:pt>
                <c:pt idx="452">
                  <c:v>8.3000000000000007</c:v>
                </c:pt>
                <c:pt idx="453">
                  <c:v>7.9</c:v>
                </c:pt>
                <c:pt idx="454">
                  <c:v>7.9</c:v>
                </c:pt>
                <c:pt idx="455">
                  <c:v>7.9</c:v>
                </c:pt>
                <c:pt idx="456">
                  <c:v>7.4</c:v>
                </c:pt>
                <c:pt idx="457">
                  <c:v>7.9</c:v>
                </c:pt>
                <c:pt idx="458">
                  <c:v>7.9</c:v>
                </c:pt>
                <c:pt idx="459">
                  <c:v>7.9</c:v>
                </c:pt>
                <c:pt idx="460">
                  <c:v>7.9</c:v>
                </c:pt>
                <c:pt idx="461">
                  <c:v>7.9</c:v>
                </c:pt>
                <c:pt idx="462">
                  <c:v>7.9</c:v>
                </c:pt>
                <c:pt idx="463">
                  <c:v>7.9</c:v>
                </c:pt>
                <c:pt idx="464">
                  <c:v>7.9</c:v>
                </c:pt>
                <c:pt idx="465">
                  <c:v>7.9</c:v>
                </c:pt>
                <c:pt idx="466">
                  <c:v>7.9</c:v>
                </c:pt>
                <c:pt idx="467">
                  <c:v>7.9</c:v>
                </c:pt>
                <c:pt idx="468">
                  <c:v>7.9</c:v>
                </c:pt>
                <c:pt idx="469">
                  <c:v>7.9</c:v>
                </c:pt>
                <c:pt idx="470">
                  <c:v>7.9</c:v>
                </c:pt>
                <c:pt idx="471">
                  <c:v>7.9</c:v>
                </c:pt>
                <c:pt idx="472">
                  <c:v>7.9</c:v>
                </c:pt>
                <c:pt idx="473">
                  <c:v>7.9</c:v>
                </c:pt>
                <c:pt idx="474">
                  <c:v>7.9</c:v>
                </c:pt>
                <c:pt idx="475">
                  <c:v>7.9</c:v>
                </c:pt>
                <c:pt idx="476">
                  <c:v>7.9</c:v>
                </c:pt>
                <c:pt idx="477">
                  <c:v>7.4</c:v>
                </c:pt>
                <c:pt idx="478">
                  <c:v>7.4</c:v>
                </c:pt>
                <c:pt idx="479">
                  <c:v>7.4</c:v>
                </c:pt>
                <c:pt idx="480">
                  <c:v>7.4</c:v>
                </c:pt>
                <c:pt idx="481">
                  <c:v>7.4</c:v>
                </c:pt>
                <c:pt idx="482">
                  <c:v>7.4</c:v>
                </c:pt>
                <c:pt idx="483">
                  <c:v>7.4</c:v>
                </c:pt>
                <c:pt idx="484">
                  <c:v>7.4</c:v>
                </c:pt>
                <c:pt idx="485">
                  <c:v>6.9</c:v>
                </c:pt>
                <c:pt idx="486">
                  <c:v>6.9</c:v>
                </c:pt>
                <c:pt idx="487">
                  <c:v>7.4</c:v>
                </c:pt>
                <c:pt idx="488">
                  <c:v>6.9</c:v>
                </c:pt>
                <c:pt idx="489">
                  <c:v>6.9</c:v>
                </c:pt>
                <c:pt idx="490">
                  <c:v>6.9</c:v>
                </c:pt>
                <c:pt idx="491">
                  <c:v>6.9</c:v>
                </c:pt>
                <c:pt idx="492">
                  <c:v>6.9</c:v>
                </c:pt>
                <c:pt idx="493">
                  <c:v>6.9</c:v>
                </c:pt>
                <c:pt idx="494">
                  <c:v>6.9</c:v>
                </c:pt>
                <c:pt idx="495">
                  <c:v>6.9</c:v>
                </c:pt>
                <c:pt idx="496">
                  <c:v>6.9</c:v>
                </c:pt>
                <c:pt idx="497">
                  <c:v>6.4</c:v>
                </c:pt>
                <c:pt idx="498">
                  <c:v>6.9</c:v>
                </c:pt>
                <c:pt idx="499">
                  <c:v>6.9</c:v>
                </c:pt>
                <c:pt idx="500">
                  <c:v>6.9</c:v>
                </c:pt>
                <c:pt idx="501">
                  <c:v>6.9</c:v>
                </c:pt>
                <c:pt idx="502">
                  <c:v>6.9</c:v>
                </c:pt>
                <c:pt idx="503">
                  <c:v>6.9</c:v>
                </c:pt>
                <c:pt idx="504">
                  <c:v>7.4</c:v>
                </c:pt>
                <c:pt idx="505">
                  <c:v>7.4</c:v>
                </c:pt>
                <c:pt idx="506">
                  <c:v>7.4</c:v>
                </c:pt>
                <c:pt idx="507">
                  <c:v>7.4</c:v>
                </c:pt>
                <c:pt idx="508">
                  <c:v>7.4</c:v>
                </c:pt>
                <c:pt idx="509">
                  <c:v>7.4</c:v>
                </c:pt>
                <c:pt idx="510">
                  <c:v>7.4</c:v>
                </c:pt>
                <c:pt idx="511">
                  <c:v>7.4</c:v>
                </c:pt>
                <c:pt idx="512">
                  <c:v>7.4</c:v>
                </c:pt>
                <c:pt idx="513">
                  <c:v>7.4</c:v>
                </c:pt>
                <c:pt idx="514">
                  <c:v>7.4</c:v>
                </c:pt>
                <c:pt idx="515">
                  <c:v>7.4</c:v>
                </c:pt>
                <c:pt idx="516">
                  <c:v>7.4</c:v>
                </c:pt>
                <c:pt idx="517">
                  <c:v>7.4</c:v>
                </c:pt>
                <c:pt idx="518">
                  <c:v>7.4</c:v>
                </c:pt>
                <c:pt idx="519">
                  <c:v>7.4</c:v>
                </c:pt>
                <c:pt idx="520">
                  <c:v>7.4</c:v>
                </c:pt>
                <c:pt idx="521">
                  <c:v>7.4</c:v>
                </c:pt>
                <c:pt idx="522">
                  <c:v>7.4</c:v>
                </c:pt>
                <c:pt idx="523">
                  <c:v>7.4</c:v>
                </c:pt>
                <c:pt idx="524">
                  <c:v>7.4</c:v>
                </c:pt>
                <c:pt idx="525">
                  <c:v>7.4</c:v>
                </c:pt>
                <c:pt idx="526">
                  <c:v>7.4</c:v>
                </c:pt>
                <c:pt idx="527">
                  <c:v>7.4</c:v>
                </c:pt>
                <c:pt idx="528">
                  <c:v>6.9</c:v>
                </c:pt>
                <c:pt idx="529">
                  <c:v>6.9</c:v>
                </c:pt>
                <c:pt idx="530">
                  <c:v>7.4</c:v>
                </c:pt>
                <c:pt idx="531">
                  <c:v>7.4</c:v>
                </c:pt>
                <c:pt idx="532">
                  <c:v>7.4</c:v>
                </c:pt>
                <c:pt idx="533">
                  <c:v>7.4</c:v>
                </c:pt>
                <c:pt idx="534">
                  <c:v>7.4</c:v>
                </c:pt>
                <c:pt idx="535">
                  <c:v>7.4</c:v>
                </c:pt>
                <c:pt idx="536">
                  <c:v>7.4</c:v>
                </c:pt>
                <c:pt idx="537">
                  <c:v>7.4</c:v>
                </c:pt>
                <c:pt idx="538">
                  <c:v>6.9</c:v>
                </c:pt>
                <c:pt idx="539">
                  <c:v>6.9</c:v>
                </c:pt>
                <c:pt idx="540">
                  <c:v>6.9</c:v>
                </c:pt>
                <c:pt idx="541">
                  <c:v>6.9</c:v>
                </c:pt>
                <c:pt idx="542">
                  <c:v>6.9</c:v>
                </c:pt>
                <c:pt idx="543">
                  <c:v>6.9</c:v>
                </c:pt>
                <c:pt idx="544">
                  <c:v>6.9</c:v>
                </c:pt>
                <c:pt idx="545">
                  <c:v>6.9</c:v>
                </c:pt>
                <c:pt idx="546">
                  <c:v>6.9</c:v>
                </c:pt>
                <c:pt idx="547">
                  <c:v>7.4</c:v>
                </c:pt>
                <c:pt idx="548">
                  <c:v>7.4</c:v>
                </c:pt>
                <c:pt idx="549">
                  <c:v>7.4</c:v>
                </c:pt>
                <c:pt idx="550">
                  <c:v>7.4</c:v>
                </c:pt>
                <c:pt idx="551">
                  <c:v>7.4</c:v>
                </c:pt>
                <c:pt idx="552">
                  <c:v>7.4</c:v>
                </c:pt>
                <c:pt idx="553">
                  <c:v>7.4</c:v>
                </c:pt>
                <c:pt idx="554">
                  <c:v>7.4</c:v>
                </c:pt>
                <c:pt idx="555">
                  <c:v>7.4</c:v>
                </c:pt>
                <c:pt idx="556">
                  <c:v>7.4</c:v>
                </c:pt>
                <c:pt idx="557">
                  <c:v>7.4</c:v>
                </c:pt>
                <c:pt idx="558">
                  <c:v>7.4</c:v>
                </c:pt>
                <c:pt idx="559">
                  <c:v>7.4</c:v>
                </c:pt>
                <c:pt idx="560">
                  <c:v>7.4</c:v>
                </c:pt>
                <c:pt idx="561">
                  <c:v>7.4</c:v>
                </c:pt>
                <c:pt idx="562">
                  <c:v>7.4</c:v>
                </c:pt>
                <c:pt idx="563">
                  <c:v>7.4</c:v>
                </c:pt>
                <c:pt idx="564">
                  <c:v>7.4</c:v>
                </c:pt>
                <c:pt idx="565">
                  <c:v>7.4</c:v>
                </c:pt>
                <c:pt idx="566">
                  <c:v>7.4</c:v>
                </c:pt>
                <c:pt idx="567">
                  <c:v>7.4</c:v>
                </c:pt>
                <c:pt idx="568">
                  <c:v>7.4</c:v>
                </c:pt>
                <c:pt idx="569">
                  <c:v>7.4</c:v>
                </c:pt>
                <c:pt idx="570">
                  <c:v>7.4</c:v>
                </c:pt>
                <c:pt idx="571">
                  <c:v>7.4</c:v>
                </c:pt>
                <c:pt idx="572">
                  <c:v>7.4</c:v>
                </c:pt>
                <c:pt idx="573">
                  <c:v>7.4</c:v>
                </c:pt>
                <c:pt idx="574">
                  <c:v>7.4</c:v>
                </c:pt>
                <c:pt idx="575">
                  <c:v>7.9</c:v>
                </c:pt>
                <c:pt idx="576">
                  <c:v>7.9</c:v>
                </c:pt>
                <c:pt idx="577">
                  <c:v>7.9</c:v>
                </c:pt>
                <c:pt idx="578">
                  <c:v>7.9</c:v>
                </c:pt>
                <c:pt idx="579">
                  <c:v>7.9</c:v>
                </c:pt>
                <c:pt idx="580">
                  <c:v>7.9</c:v>
                </c:pt>
                <c:pt idx="581">
                  <c:v>7.9</c:v>
                </c:pt>
                <c:pt idx="582">
                  <c:v>7.9</c:v>
                </c:pt>
                <c:pt idx="583">
                  <c:v>7.9</c:v>
                </c:pt>
                <c:pt idx="584">
                  <c:v>7.9</c:v>
                </c:pt>
                <c:pt idx="585">
                  <c:v>7.9</c:v>
                </c:pt>
                <c:pt idx="586">
                  <c:v>8.3000000000000007</c:v>
                </c:pt>
                <c:pt idx="587">
                  <c:v>8.3000000000000007</c:v>
                </c:pt>
                <c:pt idx="588">
                  <c:v>8.3000000000000007</c:v>
                </c:pt>
                <c:pt idx="589">
                  <c:v>8.3000000000000007</c:v>
                </c:pt>
                <c:pt idx="590">
                  <c:v>8.3000000000000007</c:v>
                </c:pt>
                <c:pt idx="591">
                  <c:v>7.9</c:v>
                </c:pt>
                <c:pt idx="592">
                  <c:v>7.9</c:v>
                </c:pt>
                <c:pt idx="593">
                  <c:v>8.3000000000000007</c:v>
                </c:pt>
                <c:pt idx="594">
                  <c:v>8.3000000000000007</c:v>
                </c:pt>
                <c:pt idx="595">
                  <c:v>8.3000000000000007</c:v>
                </c:pt>
                <c:pt idx="596">
                  <c:v>8.3000000000000007</c:v>
                </c:pt>
                <c:pt idx="597">
                  <c:v>8.3000000000000007</c:v>
                </c:pt>
                <c:pt idx="598">
                  <c:v>8.3000000000000007</c:v>
                </c:pt>
                <c:pt idx="599">
                  <c:v>8.3000000000000007</c:v>
                </c:pt>
                <c:pt idx="600">
                  <c:v>8.8000000000000007</c:v>
                </c:pt>
                <c:pt idx="601">
                  <c:v>8.8000000000000007</c:v>
                </c:pt>
                <c:pt idx="602">
                  <c:v>8.8000000000000007</c:v>
                </c:pt>
                <c:pt idx="603">
                  <c:v>8.8000000000000007</c:v>
                </c:pt>
                <c:pt idx="604">
                  <c:v>8.8000000000000007</c:v>
                </c:pt>
                <c:pt idx="605">
                  <c:v>8.8000000000000007</c:v>
                </c:pt>
                <c:pt idx="606">
                  <c:v>8.8000000000000007</c:v>
                </c:pt>
                <c:pt idx="607">
                  <c:v>8.8000000000000007</c:v>
                </c:pt>
                <c:pt idx="608">
                  <c:v>8.8000000000000007</c:v>
                </c:pt>
                <c:pt idx="609">
                  <c:v>8.8000000000000007</c:v>
                </c:pt>
                <c:pt idx="610">
                  <c:v>8.8000000000000007</c:v>
                </c:pt>
                <c:pt idx="611">
                  <c:v>8.8000000000000007</c:v>
                </c:pt>
                <c:pt idx="612">
                  <c:v>8.8000000000000007</c:v>
                </c:pt>
                <c:pt idx="613">
                  <c:v>8.8000000000000007</c:v>
                </c:pt>
                <c:pt idx="614">
                  <c:v>8.8000000000000007</c:v>
                </c:pt>
                <c:pt idx="615">
                  <c:v>8.8000000000000007</c:v>
                </c:pt>
                <c:pt idx="616">
                  <c:v>8.3000000000000007</c:v>
                </c:pt>
                <c:pt idx="617">
                  <c:v>7.9</c:v>
                </c:pt>
                <c:pt idx="618">
                  <c:v>7.9</c:v>
                </c:pt>
                <c:pt idx="619">
                  <c:v>7.9</c:v>
                </c:pt>
                <c:pt idx="620">
                  <c:v>7.9</c:v>
                </c:pt>
                <c:pt idx="621">
                  <c:v>7.4</c:v>
                </c:pt>
                <c:pt idx="622">
                  <c:v>7.4</c:v>
                </c:pt>
                <c:pt idx="623">
                  <c:v>7.4</c:v>
                </c:pt>
                <c:pt idx="624">
                  <c:v>7.9</c:v>
                </c:pt>
                <c:pt idx="625">
                  <c:v>7.9</c:v>
                </c:pt>
                <c:pt idx="626">
                  <c:v>7.9</c:v>
                </c:pt>
                <c:pt idx="627">
                  <c:v>7.9</c:v>
                </c:pt>
                <c:pt idx="628">
                  <c:v>7.9</c:v>
                </c:pt>
                <c:pt idx="629">
                  <c:v>7.9</c:v>
                </c:pt>
                <c:pt idx="630">
                  <c:v>7.9</c:v>
                </c:pt>
                <c:pt idx="631">
                  <c:v>7.9</c:v>
                </c:pt>
                <c:pt idx="632">
                  <c:v>7.9</c:v>
                </c:pt>
                <c:pt idx="633">
                  <c:v>7.9</c:v>
                </c:pt>
                <c:pt idx="634">
                  <c:v>7.4</c:v>
                </c:pt>
                <c:pt idx="635">
                  <c:v>7.4</c:v>
                </c:pt>
                <c:pt idx="636">
                  <c:v>6.9</c:v>
                </c:pt>
                <c:pt idx="637">
                  <c:v>6.4</c:v>
                </c:pt>
                <c:pt idx="638">
                  <c:v>6.4</c:v>
                </c:pt>
                <c:pt idx="639">
                  <c:v>6.4</c:v>
                </c:pt>
                <c:pt idx="640">
                  <c:v>5.9</c:v>
                </c:pt>
                <c:pt idx="641">
                  <c:v>5.9</c:v>
                </c:pt>
                <c:pt idx="642">
                  <c:v>5.9</c:v>
                </c:pt>
                <c:pt idx="643">
                  <c:v>5.9</c:v>
                </c:pt>
                <c:pt idx="644">
                  <c:v>5.4</c:v>
                </c:pt>
                <c:pt idx="645">
                  <c:v>5.4</c:v>
                </c:pt>
                <c:pt idx="646">
                  <c:v>5.4</c:v>
                </c:pt>
                <c:pt idx="647">
                  <c:v>5.4</c:v>
                </c:pt>
                <c:pt idx="648">
                  <c:v>5.4</c:v>
                </c:pt>
                <c:pt idx="649">
                  <c:v>5.4</c:v>
                </c:pt>
                <c:pt idx="650">
                  <c:v>5.4</c:v>
                </c:pt>
                <c:pt idx="651">
                  <c:v>5.4</c:v>
                </c:pt>
                <c:pt idx="652">
                  <c:v>5.4</c:v>
                </c:pt>
                <c:pt idx="653">
                  <c:v>5.4</c:v>
                </c:pt>
                <c:pt idx="654">
                  <c:v>5.4</c:v>
                </c:pt>
                <c:pt idx="655">
                  <c:v>5.4</c:v>
                </c:pt>
                <c:pt idx="656">
                  <c:v>5.4</c:v>
                </c:pt>
                <c:pt idx="657">
                  <c:v>5.4</c:v>
                </c:pt>
                <c:pt idx="658">
                  <c:v>5.4</c:v>
                </c:pt>
                <c:pt idx="659">
                  <c:v>5.4</c:v>
                </c:pt>
                <c:pt idx="660">
                  <c:v>5.4</c:v>
                </c:pt>
                <c:pt idx="661">
                  <c:v>5.4</c:v>
                </c:pt>
                <c:pt idx="662">
                  <c:v>5.4</c:v>
                </c:pt>
                <c:pt idx="663">
                  <c:v>4.9000000000000004</c:v>
                </c:pt>
                <c:pt idx="664">
                  <c:v>4.9000000000000004</c:v>
                </c:pt>
                <c:pt idx="665">
                  <c:v>4.9000000000000004</c:v>
                </c:pt>
                <c:pt idx="666">
                  <c:v>4.9000000000000004</c:v>
                </c:pt>
                <c:pt idx="667">
                  <c:v>4.9000000000000004</c:v>
                </c:pt>
                <c:pt idx="668">
                  <c:v>4.4000000000000004</c:v>
                </c:pt>
                <c:pt idx="669">
                  <c:v>4.4000000000000004</c:v>
                </c:pt>
                <c:pt idx="670">
                  <c:v>4.4000000000000004</c:v>
                </c:pt>
                <c:pt idx="671">
                  <c:v>4.4000000000000004</c:v>
                </c:pt>
                <c:pt idx="672">
                  <c:v>4.4000000000000004</c:v>
                </c:pt>
                <c:pt idx="673">
                  <c:v>4.4000000000000004</c:v>
                </c:pt>
                <c:pt idx="674">
                  <c:v>4.4000000000000004</c:v>
                </c:pt>
                <c:pt idx="675">
                  <c:v>4.4000000000000004</c:v>
                </c:pt>
                <c:pt idx="676">
                  <c:v>4.4000000000000004</c:v>
                </c:pt>
                <c:pt idx="677">
                  <c:v>4.4000000000000004</c:v>
                </c:pt>
                <c:pt idx="678">
                  <c:v>4.4000000000000004</c:v>
                </c:pt>
                <c:pt idx="679">
                  <c:v>4.4000000000000004</c:v>
                </c:pt>
                <c:pt idx="680">
                  <c:v>4.4000000000000004</c:v>
                </c:pt>
                <c:pt idx="681">
                  <c:v>4.4000000000000004</c:v>
                </c:pt>
                <c:pt idx="682">
                  <c:v>4.4000000000000004</c:v>
                </c:pt>
                <c:pt idx="683">
                  <c:v>4.4000000000000004</c:v>
                </c:pt>
                <c:pt idx="684">
                  <c:v>4.4000000000000004</c:v>
                </c:pt>
                <c:pt idx="685">
                  <c:v>4.4000000000000004</c:v>
                </c:pt>
                <c:pt idx="686">
                  <c:v>4.4000000000000004</c:v>
                </c:pt>
                <c:pt idx="687">
                  <c:v>4</c:v>
                </c:pt>
                <c:pt idx="688">
                  <c:v>4</c:v>
                </c:pt>
                <c:pt idx="689">
                  <c:v>4</c:v>
                </c:pt>
                <c:pt idx="690">
                  <c:v>4</c:v>
                </c:pt>
                <c:pt idx="691">
                  <c:v>4</c:v>
                </c:pt>
                <c:pt idx="692">
                  <c:v>4</c:v>
                </c:pt>
                <c:pt idx="693">
                  <c:v>4</c:v>
                </c:pt>
                <c:pt idx="694">
                  <c:v>4</c:v>
                </c:pt>
                <c:pt idx="695">
                  <c:v>4</c:v>
                </c:pt>
                <c:pt idx="696">
                  <c:v>4</c:v>
                </c:pt>
                <c:pt idx="697">
                  <c:v>4</c:v>
                </c:pt>
                <c:pt idx="698">
                  <c:v>4</c:v>
                </c:pt>
                <c:pt idx="699">
                  <c:v>4</c:v>
                </c:pt>
                <c:pt idx="700">
                  <c:v>4</c:v>
                </c:pt>
                <c:pt idx="701">
                  <c:v>4</c:v>
                </c:pt>
                <c:pt idx="702">
                  <c:v>4</c:v>
                </c:pt>
                <c:pt idx="703">
                  <c:v>4.4000000000000004</c:v>
                </c:pt>
                <c:pt idx="704">
                  <c:v>4.4000000000000004</c:v>
                </c:pt>
                <c:pt idx="705">
                  <c:v>4.4000000000000004</c:v>
                </c:pt>
                <c:pt idx="706">
                  <c:v>4.4000000000000004</c:v>
                </c:pt>
                <c:pt idx="707">
                  <c:v>4.4000000000000004</c:v>
                </c:pt>
                <c:pt idx="708">
                  <c:v>4.4000000000000004</c:v>
                </c:pt>
                <c:pt idx="709">
                  <c:v>4.4000000000000004</c:v>
                </c:pt>
                <c:pt idx="710">
                  <c:v>4.4000000000000004</c:v>
                </c:pt>
                <c:pt idx="711">
                  <c:v>4.4000000000000004</c:v>
                </c:pt>
                <c:pt idx="712">
                  <c:v>4.4000000000000004</c:v>
                </c:pt>
                <c:pt idx="713">
                  <c:v>4.4000000000000004</c:v>
                </c:pt>
                <c:pt idx="714">
                  <c:v>4.4000000000000004</c:v>
                </c:pt>
                <c:pt idx="715">
                  <c:v>4.4000000000000004</c:v>
                </c:pt>
                <c:pt idx="716">
                  <c:v>4.4000000000000004</c:v>
                </c:pt>
                <c:pt idx="717">
                  <c:v>4.4000000000000004</c:v>
                </c:pt>
                <c:pt idx="718">
                  <c:v>4.4000000000000004</c:v>
                </c:pt>
                <c:pt idx="719">
                  <c:v>4.9000000000000004</c:v>
                </c:pt>
                <c:pt idx="720">
                  <c:v>4.9000000000000004</c:v>
                </c:pt>
                <c:pt idx="721">
                  <c:v>4.4000000000000004</c:v>
                </c:pt>
                <c:pt idx="722">
                  <c:v>4.4000000000000004</c:v>
                </c:pt>
                <c:pt idx="723">
                  <c:v>4.4000000000000004</c:v>
                </c:pt>
                <c:pt idx="724">
                  <c:v>4.4000000000000004</c:v>
                </c:pt>
                <c:pt idx="725">
                  <c:v>4.4000000000000004</c:v>
                </c:pt>
                <c:pt idx="726">
                  <c:v>4.4000000000000004</c:v>
                </c:pt>
                <c:pt idx="727">
                  <c:v>4.4000000000000004</c:v>
                </c:pt>
                <c:pt idx="728">
                  <c:v>4.4000000000000004</c:v>
                </c:pt>
                <c:pt idx="729">
                  <c:v>4.4000000000000004</c:v>
                </c:pt>
                <c:pt idx="730">
                  <c:v>4.4000000000000004</c:v>
                </c:pt>
                <c:pt idx="731">
                  <c:v>4.4000000000000004</c:v>
                </c:pt>
                <c:pt idx="732">
                  <c:v>4.4000000000000004</c:v>
                </c:pt>
                <c:pt idx="733">
                  <c:v>4.4000000000000004</c:v>
                </c:pt>
                <c:pt idx="734">
                  <c:v>4.4000000000000004</c:v>
                </c:pt>
                <c:pt idx="735">
                  <c:v>4.4000000000000004</c:v>
                </c:pt>
                <c:pt idx="736">
                  <c:v>4.4000000000000004</c:v>
                </c:pt>
                <c:pt idx="737">
                  <c:v>4.4000000000000004</c:v>
                </c:pt>
                <c:pt idx="738">
                  <c:v>4.4000000000000004</c:v>
                </c:pt>
                <c:pt idx="739">
                  <c:v>4.4000000000000004</c:v>
                </c:pt>
                <c:pt idx="740">
                  <c:v>4.4000000000000004</c:v>
                </c:pt>
                <c:pt idx="741">
                  <c:v>4.4000000000000004</c:v>
                </c:pt>
                <c:pt idx="742">
                  <c:v>4.4000000000000004</c:v>
                </c:pt>
                <c:pt idx="743">
                  <c:v>4.4000000000000004</c:v>
                </c:pt>
                <c:pt idx="744">
                  <c:v>4.4000000000000004</c:v>
                </c:pt>
                <c:pt idx="745">
                  <c:v>4.4000000000000004</c:v>
                </c:pt>
                <c:pt idx="746">
                  <c:v>4.4000000000000004</c:v>
                </c:pt>
                <c:pt idx="747">
                  <c:v>4</c:v>
                </c:pt>
                <c:pt idx="748">
                  <c:v>4</c:v>
                </c:pt>
                <c:pt idx="749">
                  <c:v>4</c:v>
                </c:pt>
                <c:pt idx="750">
                  <c:v>4.4000000000000004</c:v>
                </c:pt>
                <c:pt idx="751">
                  <c:v>4.4000000000000004</c:v>
                </c:pt>
                <c:pt idx="752">
                  <c:v>4.4000000000000004</c:v>
                </c:pt>
                <c:pt idx="753">
                  <c:v>4.4000000000000004</c:v>
                </c:pt>
                <c:pt idx="754">
                  <c:v>4.4000000000000004</c:v>
                </c:pt>
                <c:pt idx="755">
                  <c:v>4.4000000000000004</c:v>
                </c:pt>
                <c:pt idx="756">
                  <c:v>4</c:v>
                </c:pt>
                <c:pt idx="757">
                  <c:v>4</c:v>
                </c:pt>
                <c:pt idx="758">
                  <c:v>4</c:v>
                </c:pt>
                <c:pt idx="759">
                  <c:v>4</c:v>
                </c:pt>
                <c:pt idx="760">
                  <c:v>4</c:v>
                </c:pt>
                <c:pt idx="761">
                  <c:v>4</c:v>
                </c:pt>
                <c:pt idx="762">
                  <c:v>4.4000000000000004</c:v>
                </c:pt>
                <c:pt idx="763">
                  <c:v>4.4000000000000004</c:v>
                </c:pt>
                <c:pt idx="764">
                  <c:v>4</c:v>
                </c:pt>
                <c:pt idx="765">
                  <c:v>4</c:v>
                </c:pt>
                <c:pt idx="766">
                  <c:v>4.4000000000000004</c:v>
                </c:pt>
                <c:pt idx="767">
                  <c:v>4.4000000000000004</c:v>
                </c:pt>
                <c:pt idx="768">
                  <c:v>4.4000000000000004</c:v>
                </c:pt>
                <c:pt idx="769">
                  <c:v>4.4000000000000004</c:v>
                </c:pt>
                <c:pt idx="770">
                  <c:v>4.4000000000000004</c:v>
                </c:pt>
                <c:pt idx="771">
                  <c:v>4.9000000000000004</c:v>
                </c:pt>
                <c:pt idx="772">
                  <c:v>4.9000000000000004</c:v>
                </c:pt>
                <c:pt idx="773">
                  <c:v>4.9000000000000004</c:v>
                </c:pt>
                <c:pt idx="774">
                  <c:v>4.9000000000000004</c:v>
                </c:pt>
                <c:pt idx="775">
                  <c:v>4.4000000000000004</c:v>
                </c:pt>
                <c:pt idx="776">
                  <c:v>4.4000000000000004</c:v>
                </c:pt>
                <c:pt idx="777">
                  <c:v>4.4000000000000004</c:v>
                </c:pt>
                <c:pt idx="778">
                  <c:v>4.4000000000000004</c:v>
                </c:pt>
                <c:pt idx="779">
                  <c:v>4.9000000000000004</c:v>
                </c:pt>
                <c:pt idx="780">
                  <c:v>4.9000000000000004</c:v>
                </c:pt>
                <c:pt idx="781">
                  <c:v>4.9000000000000004</c:v>
                </c:pt>
                <c:pt idx="782">
                  <c:v>4.4000000000000004</c:v>
                </c:pt>
                <c:pt idx="783">
                  <c:v>4.4000000000000004</c:v>
                </c:pt>
                <c:pt idx="784">
                  <c:v>4.4000000000000004</c:v>
                </c:pt>
                <c:pt idx="785">
                  <c:v>4.4000000000000004</c:v>
                </c:pt>
                <c:pt idx="786">
                  <c:v>4.4000000000000004</c:v>
                </c:pt>
                <c:pt idx="787">
                  <c:v>4.4000000000000004</c:v>
                </c:pt>
                <c:pt idx="788">
                  <c:v>4.4000000000000004</c:v>
                </c:pt>
                <c:pt idx="789">
                  <c:v>4.4000000000000004</c:v>
                </c:pt>
                <c:pt idx="790">
                  <c:v>4.4000000000000004</c:v>
                </c:pt>
                <c:pt idx="791">
                  <c:v>4.4000000000000004</c:v>
                </c:pt>
                <c:pt idx="792">
                  <c:v>4.4000000000000004</c:v>
                </c:pt>
                <c:pt idx="793">
                  <c:v>4</c:v>
                </c:pt>
                <c:pt idx="794">
                  <c:v>4</c:v>
                </c:pt>
                <c:pt idx="795">
                  <c:v>4</c:v>
                </c:pt>
                <c:pt idx="796">
                  <c:v>4</c:v>
                </c:pt>
                <c:pt idx="797">
                  <c:v>4</c:v>
                </c:pt>
                <c:pt idx="798">
                  <c:v>4</c:v>
                </c:pt>
                <c:pt idx="799">
                  <c:v>4</c:v>
                </c:pt>
                <c:pt idx="800">
                  <c:v>4</c:v>
                </c:pt>
                <c:pt idx="801">
                  <c:v>4</c:v>
                </c:pt>
                <c:pt idx="802">
                  <c:v>4</c:v>
                </c:pt>
                <c:pt idx="803">
                  <c:v>4</c:v>
                </c:pt>
                <c:pt idx="804">
                  <c:v>4.4000000000000004</c:v>
                </c:pt>
                <c:pt idx="805">
                  <c:v>4.4000000000000004</c:v>
                </c:pt>
                <c:pt idx="806">
                  <c:v>4.4000000000000004</c:v>
                </c:pt>
                <c:pt idx="807">
                  <c:v>4</c:v>
                </c:pt>
                <c:pt idx="808">
                  <c:v>4</c:v>
                </c:pt>
                <c:pt idx="809">
                  <c:v>4</c:v>
                </c:pt>
                <c:pt idx="810">
                  <c:v>4</c:v>
                </c:pt>
                <c:pt idx="811">
                  <c:v>4</c:v>
                </c:pt>
                <c:pt idx="812">
                  <c:v>4</c:v>
                </c:pt>
                <c:pt idx="813">
                  <c:v>4</c:v>
                </c:pt>
                <c:pt idx="814">
                  <c:v>4</c:v>
                </c:pt>
                <c:pt idx="815">
                  <c:v>4</c:v>
                </c:pt>
                <c:pt idx="816">
                  <c:v>4</c:v>
                </c:pt>
                <c:pt idx="817">
                  <c:v>4</c:v>
                </c:pt>
                <c:pt idx="818">
                  <c:v>4</c:v>
                </c:pt>
                <c:pt idx="819">
                  <c:v>4</c:v>
                </c:pt>
                <c:pt idx="820">
                  <c:v>4</c:v>
                </c:pt>
                <c:pt idx="821">
                  <c:v>4</c:v>
                </c:pt>
                <c:pt idx="822">
                  <c:v>4</c:v>
                </c:pt>
                <c:pt idx="823">
                  <c:v>4</c:v>
                </c:pt>
                <c:pt idx="824">
                  <c:v>4.4000000000000004</c:v>
                </c:pt>
                <c:pt idx="825">
                  <c:v>4.4000000000000004</c:v>
                </c:pt>
                <c:pt idx="826">
                  <c:v>4.4000000000000004</c:v>
                </c:pt>
                <c:pt idx="827">
                  <c:v>4.9000000000000004</c:v>
                </c:pt>
                <c:pt idx="828">
                  <c:v>4.9000000000000004</c:v>
                </c:pt>
                <c:pt idx="829">
                  <c:v>4.9000000000000004</c:v>
                </c:pt>
                <c:pt idx="830">
                  <c:v>4.9000000000000004</c:v>
                </c:pt>
                <c:pt idx="831">
                  <c:v>4.9000000000000004</c:v>
                </c:pt>
                <c:pt idx="832">
                  <c:v>4.9000000000000004</c:v>
                </c:pt>
                <c:pt idx="833">
                  <c:v>4.9000000000000004</c:v>
                </c:pt>
                <c:pt idx="834">
                  <c:v>4.9000000000000004</c:v>
                </c:pt>
                <c:pt idx="835">
                  <c:v>4.9000000000000004</c:v>
                </c:pt>
                <c:pt idx="836">
                  <c:v>5.4</c:v>
                </c:pt>
                <c:pt idx="837">
                  <c:v>4.9000000000000004</c:v>
                </c:pt>
                <c:pt idx="838">
                  <c:v>5.4</c:v>
                </c:pt>
                <c:pt idx="839">
                  <c:v>5.4</c:v>
                </c:pt>
                <c:pt idx="840">
                  <c:v>5.4</c:v>
                </c:pt>
                <c:pt idx="841">
                  <c:v>5.4</c:v>
                </c:pt>
                <c:pt idx="842">
                  <c:v>5.4</c:v>
                </c:pt>
                <c:pt idx="843">
                  <c:v>5.4</c:v>
                </c:pt>
                <c:pt idx="844">
                  <c:v>4.9000000000000004</c:v>
                </c:pt>
                <c:pt idx="845">
                  <c:v>4.9000000000000004</c:v>
                </c:pt>
                <c:pt idx="846">
                  <c:v>4.9000000000000004</c:v>
                </c:pt>
                <c:pt idx="847">
                  <c:v>4.9000000000000004</c:v>
                </c:pt>
                <c:pt idx="848">
                  <c:v>4.9000000000000004</c:v>
                </c:pt>
                <c:pt idx="849">
                  <c:v>4.9000000000000004</c:v>
                </c:pt>
                <c:pt idx="850">
                  <c:v>4.9000000000000004</c:v>
                </c:pt>
                <c:pt idx="851">
                  <c:v>4.9000000000000004</c:v>
                </c:pt>
                <c:pt idx="852">
                  <c:v>4.9000000000000004</c:v>
                </c:pt>
                <c:pt idx="853">
                  <c:v>4.9000000000000004</c:v>
                </c:pt>
                <c:pt idx="854">
                  <c:v>5.4</c:v>
                </c:pt>
                <c:pt idx="855">
                  <c:v>5.4</c:v>
                </c:pt>
                <c:pt idx="856">
                  <c:v>5.4</c:v>
                </c:pt>
                <c:pt idx="857">
                  <c:v>5.4</c:v>
                </c:pt>
                <c:pt idx="858">
                  <c:v>5.4</c:v>
                </c:pt>
                <c:pt idx="859">
                  <c:v>5.4</c:v>
                </c:pt>
                <c:pt idx="860">
                  <c:v>5.4</c:v>
                </c:pt>
                <c:pt idx="861">
                  <c:v>5.4</c:v>
                </c:pt>
                <c:pt idx="862">
                  <c:v>5.4</c:v>
                </c:pt>
                <c:pt idx="863">
                  <c:v>5.4</c:v>
                </c:pt>
                <c:pt idx="864">
                  <c:v>5.4</c:v>
                </c:pt>
                <c:pt idx="865">
                  <c:v>5.4</c:v>
                </c:pt>
                <c:pt idx="866">
                  <c:v>5.4</c:v>
                </c:pt>
                <c:pt idx="867">
                  <c:v>5.4</c:v>
                </c:pt>
                <c:pt idx="868">
                  <c:v>5.4</c:v>
                </c:pt>
                <c:pt idx="869">
                  <c:v>5.4</c:v>
                </c:pt>
                <c:pt idx="870">
                  <c:v>5.4</c:v>
                </c:pt>
                <c:pt idx="871">
                  <c:v>5.4</c:v>
                </c:pt>
                <c:pt idx="872">
                  <c:v>5.4</c:v>
                </c:pt>
                <c:pt idx="873">
                  <c:v>5.4</c:v>
                </c:pt>
                <c:pt idx="874">
                  <c:v>5.4</c:v>
                </c:pt>
                <c:pt idx="875">
                  <c:v>5.4</c:v>
                </c:pt>
                <c:pt idx="876">
                  <c:v>5.4</c:v>
                </c:pt>
                <c:pt idx="877">
                  <c:v>4.4000000000000004</c:v>
                </c:pt>
                <c:pt idx="878">
                  <c:v>4.4000000000000004</c:v>
                </c:pt>
                <c:pt idx="879">
                  <c:v>4</c:v>
                </c:pt>
                <c:pt idx="880">
                  <c:v>3.5</c:v>
                </c:pt>
                <c:pt idx="881">
                  <c:v>3</c:v>
                </c:pt>
                <c:pt idx="882">
                  <c:v>3</c:v>
                </c:pt>
                <c:pt idx="883">
                  <c:v>2.5</c:v>
                </c:pt>
                <c:pt idx="884">
                  <c:v>2.5</c:v>
                </c:pt>
                <c:pt idx="885">
                  <c:v>2.5</c:v>
                </c:pt>
                <c:pt idx="886">
                  <c:v>2</c:v>
                </c:pt>
                <c:pt idx="887">
                  <c:v>2</c:v>
                </c:pt>
                <c:pt idx="888">
                  <c:v>2</c:v>
                </c:pt>
                <c:pt idx="889">
                  <c:v>2</c:v>
                </c:pt>
                <c:pt idx="890">
                  <c:v>2</c:v>
                </c:pt>
                <c:pt idx="891">
                  <c:v>2</c:v>
                </c:pt>
                <c:pt idx="892">
                  <c:v>2</c:v>
                </c:pt>
                <c:pt idx="893">
                  <c:v>2</c:v>
                </c:pt>
                <c:pt idx="894">
                  <c:v>2</c:v>
                </c:pt>
                <c:pt idx="895">
                  <c:v>1.5</c:v>
                </c:pt>
                <c:pt idx="896">
                  <c:v>1.5</c:v>
                </c:pt>
                <c:pt idx="897">
                  <c:v>1.5</c:v>
                </c:pt>
                <c:pt idx="898">
                  <c:v>1.5</c:v>
                </c:pt>
                <c:pt idx="899">
                  <c:v>1.5</c:v>
                </c:pt>
                <c:pt idx="900">
                  <c:v>1.5</c:v>
                </c:pt>
                <c:pt idx="901">
                  <c:v>1.5</c:v>
                </c:pt>
                <c:pt idx="902">
                  <c:v>1.5</c:v>
                </c:pt>
                <c:pt idx="903">
                  <c:v>1.5</c:v>
                </c:pt>
                <c:pt idx="904">
                  <c:v>1.5</c:v>
                </c:pt>
                <c:pt idx="905">
                  <c:v>1.5</c:v>
                </c:pt>
                <c:pt idx="906">
                  <c:v>1.5</c:v>
                </c:pt>
                <c:pt idx="907">
                  <c:v>1.5</c:v>
                </c:pt>
                <c:pt idx="908">
                  <c:v>1.5</c:v>
                </c:pt>
                <c:pt idx="909">
                  <c:v>1.5</c:v>
                </c:pt>
                <c:pt idx="910">
                  <c:v>1.5</c:v>
                </c:pt>
                <c:pt idx="911">
                  <c:v>1.5</c:v>
                </c:pt>
                <c:pt idx="912">
                  <c:v>1.5</c:v>
                </c:pt>
                <c:pt idx="913">
                  <c:v>1.5</c:v>
                </c:pt>
                <c:pt idx="914">
                  <c:v>2.5</c:v>
                </c:pt>
                <c:pt idx="915">
                  <c:v>2.5</c:v>
                </c:pt>
                <c:pt idx="916">
                  <c:v>2.5</c:v>
                </c:pt>
                <c:pt idx="917">
                  <c:v>2.5</c:v>
                </c:pt>
                <c:pt idx="918">
                  <c:v>2.5</c:v>
                </c:pt>
                <c:pt idx="919">
                  <c:v>2.5</c:v>
                </c:pt>
                <c:pt idx="920">
                  <c:v>2.5</c:v>
                </c:pt>
                <c:pt idx="921">
                  <c:v>2.5</c:v>
                </c:pt>
                <c:pt idx="922">
                  <c:v>2.5</c:v>
                </c:pt>
                <c:pt idx="923">
                  <c:v>2.5</c:v>
                </c:pt>
                <c:pt idx="924">
                  <c:v>2.5</c:v>
                </c:pt>
                <c:pt idx="925">
                  <c:v>3</c:v>
                </c:pt>
                <c:pt idx="926">
                  <c:v>3</c:v>
                </c:pt>
                <c:pt idx="927">
                  <c:v>2.5</c:v>
                </c:pt>
                <c:pt idx="928">
                  <c:v>2.5</c:v>
                </c:pt>
                <c:pt idx="929">
                  <c:v>2.5</c:v>
                </c:pt>
                <c:pt idx="930">
                  <c:v>2</c:v>
                </c:pt>
                <c:pt idx="931">
                  <c:v>2</c:v>
                </c:pt>
                <c:pt idx="932">
                  <c:v>2</c:v>
                </c:pt>
                <c:pt idx="933">
                  <c:v>2</c:v>
                </c:pt>
                <c:pt idx="934">
                  <c:v>2</c:v>
                </c:pt>
                <c:pt idx="935">
                  <c:v>2.5</c:v>
                </c:pt>
                <c:pt idx="936">
                  <c:v>2.5</c:v>
                </c:pt>
                <c:pt idx="937">
                  <c:v>2.5</c:v>
                </c:pt>
                <c:pt idx="938">
                  <c:v>2</c:v>
                </c:pt>
                <c:pt idx="939">
                  <c:v>1.5</c:v>
                </c:pt>
                <c:pt idx="940">
                  <c:v>1</c:v>
                </c:pt>
                <c:pt idx="941">
                  <c:v>1.5</c:v>
                </c:pt>
                <c:pt idx="942">
                  <c:v>1.5</c:v>
                </c:pt>
                <c:pt idx="943">
                  <c:v>2</c:v>
                </c:pt>
                <c:pt idx="944">
                  <c:v>2</c:v>
                </c:pt>
                <c:pt idx="945">
                  <c:v>2</c:v>
                </c:pt>
                <c:pt idx="946">
                  <c:v>2</c:v>
                </c:pt>
                <c:pt idx="947">
                  <c:v>2</c:v>
                </c:pt>
                <c:pt idx="948">
                  <c:v>2</c:v>
                </c:pt>
                <c:pt idx="949">
                  <c:v>2</c:v>
                </c:pt>
                <c:pt idx="950">
                  <c:v>2</c:v>
                </c:pt>
                <c:pt idx="951">
                  <c:v>2</c:v>
                </c:pt>
                <c:pt idx="952">
                  <c:v>2</c:v>
                </c:pt>
                <c:pt idx="953">
                  <c:v>2</c:v>
                </c:pt>
                <c:pt idx="954">
                  <c:v>2</c:v>
                </c:pt>
                <c:pt idx="955">
                  <c:v>1.5</c:v>
                </c:pt>
                <c:pt idx="956">
                  <c:v>2</c:v>
                </c:pt>
                <c:pt idx="957">
                  <c:v>2</c:v>
                </c:pt>
                <c:pt idx="958">
                  <c:v>1.5</c:v>
                </c:pt>
                <c:pt idx="959">
                  <c:v>1</c:v>
                </c:pt>
                <c:pt idx="960">
                  <c:v>1</c:v>
                </c:pt>
                <c:pt idx="961">
                  <c:v>1.5</c:v>
                </c:pt>
                <c:pt idx="962">
                  <c:v>1.5</c:v>
                </c:pt>
                <c:pt idx="963">
                  <c:v>1.5</c:v>
                </c:pt>
                <c:pt idx="964">
                  <c:v>1.5</c:v>
                </c:pt>
                <c:pt idx="965">
                  <c:v>1.5</c:v>
                </c:pt>
                <c:pt idx="966">
                  <c:v>1.5</c:v>
                </c:pt>
                <c:pt idx="967">
                  <c:v>1.5</c:v>
                </c:pt>
                <c:pt idx="968">
                  <c:v>1.5</c:v>
                </c:pt>
                <c:pt idx="969">
                  <c:v>1.5</c:v>
                </c:pt>
                <c:pt idx="970">
                  <c:v>1.5</c:v>
                </c:pt>
                <c:pt idx="971">
                  <c:v>1.5</c:v>
                </c:pt>
                <c:pt idx="972">
                  <c:v>1.5</c:v>
                </c:pt>
                <c:pt idx="973">
                  <c:v>1</c:v>
                </c:pt>
                <c:pt idx="974">
                  <c:v>1</c:v>
                </c:pt>
                <c:pt idx="975">
                  <c:v>1</c:v>
                </c:pt>
                <c:pt idx="976">
                  <c:v>0.5</c:v>
                </c:pt>
                <c:pt idx="977">
                  <c:v>0.5</c:v>
                </c:pt>
                <c:pt idx="978">
                  <c:v>0.5</c:v>
                </c:pt>
                <c:pt idx="979">
                  <c:v>0.5</c:v>
                </c:pt>
                <c:pt idx="980">
                  <c:v>0.5</c:v>
                </c:pt>
                <c:pt idx="981">
                  <c:v>0.5</c:v>
                </c:pt>
                <c:pt idx="982">
                  <c:v>1</c:v>
                </c:pt>
                <c:pt idx="983">
                  <c:v>0.5</c:v>
                </c:pt>
                <c:pt idx="984">
                  <c:v>1</c:v>
                </c:pt>
                <c:pt idx="985">
                  <c:v>1</c:v>
                </c:pt>
                <c:pt idx="986">
                  <c:v>1</c:v>
                </c:pt>
                <c:pt idx="987">
                  <c:v>1</c:v>
                </c:pt>
                <c:pt idx="988">
                  <c:v>1</c:v>
                </c:pt>
                <c:pt idx="989">
                  <c:v>1</c:v>
                </c:pt>
                <c:pt idx="990">
                  <c:v>1</c:v>
                </c:pt>
                <c:pt idx="991">
                  <c:v>1</c:v>
                </c:pt>
                <c:pt idx="992">
                  <c:v>1</c:v>
                </c:pt>
                <c:pt idx="993">
                  <c:v>1</c:v>
                </c:pt>
                <c:pt idx="994">
                  <c:v>1</c:v>
                </c:pt>
                <c:pt idx="995">
                  <c:v>1</c:v>
                </c:pt>
                <c:pt idx="996">
                  <c:v>1</c:v>
                </c:pt>
                <c:pt idx="997">
                  <c:v>1</c:v>
                </c:pt>
                <c:pt idx="998">
                  <c:v>0.5</c:v>
                </c:pt>
                <c:pt idx="999">
                  <c:v>0.5</c:v>
                </c:pt>
                <c:pt idx="1000">
                  <c:v>0.5</c:v>
                </c:pt>
                <c:pt idx="1001">
                  <c:v>0.5</c:v>
                </c:pt>
                <c:pt idx="1002">
                  <c:v>0.5</c:v>
                </c:pt>
                <c:pt idx="1003">
                  <c:v>0.5</c:v>
                </c:pt>
                <c:pt idx="1004">
                  <c:v>0.5</c:v>
                </c:pt>
                <c:pt idx="1005">
                  <c:v>0.5</c:v>
                </c:pt>
                <c:pt idx="1006">
                  <c:v>0.5</c:v>
                </c:pt>
                <c:pt idx="1007">
                  <c:v>1</c:v>
                </c:pt>
                <c:pt idx="1008">
                  <c:v>1</c:v>
                </c:pt>
                <c:pt idx="1009">
                  <c:v>1</c:v>
                </c:pt>
                <c:pt idx="1010">
                  <c:v>1</c:v>
                </c:pt>
                <c:pt idx="1011">
                  <c:v>1</c:v>
                </c:pt>
                <c:pt idx="1012">
                  <c:v>1</c:v>
                </c:pt>
                <c:pt idx="1013">
                  <c:v>1</c:v>
                </c:pt>
                <c:pt idx="1014">
                  <c:v>1</c:v>
                </c:pt>
                <c:pt idx="1015">
                  <c:v>1</c:v>
                </c:pt>
                <c:pt idx="1016">
                  <c:v>1</c:v>
                </c:pt>
                <c:pt idx="1017">
                  <c:v>1</c:v>
                </c:pt>
                <c:pt idx="1018">
                  <c:v>1</c:v>
                </c:pt>
                <c:pt idx="1019">
                  <c:v>1</c:v>
                </c:pt>
                <c:pt idx="1020">
                  <c:v>1</c:v>
                </c:pt>
                <c:pt idx="1021">
                  <c:v>1</c:v>
                </c:pt>
                <c:pt idx="1022">
                  <c:v>1</c:v>
                </c:pt>
                <c:pt idx="1023">
                  <c:v>1</c:v>
                </c:pt>
                <c:pt idx="1024">
                  <c:v>1</c:v>
                </c:pt>
                <c:pt idx="1025">
                  <c:v>1</c:v>
                </c:pt>
                <c:pt idx="1026">
                  <c:v>1</c:v>
                </c:pt>
                <c:pt idx="1027">
                  <c:v>1</c:v>
                </c:pt>
                <c:pt idx="1028">
                  <c:v>1</c:v>
                </c:pt>
                <c:pt idx="1029">
                  <c:v>1</c:v>
                </c:pt>
                <c:pt idx="1030">
                  <c:v>0.5</c:v>
                </c:pt>
                <c:pt idx="1031">
                  <c:v>0.5</c:v>
                </c:pt>
                <c:pt idx="1032">
                  <c:v>0.5</c:v>
                </c:pt>
                <c:pt idx="1033">
                  <c:v>0.5</c:v>
                </c:pt>
                <c:pt idx="1034">
                  <c:v>0.5</c:v>
                </c:pt>
                <c:pt idx="1035">
                  <c:v>0.5</c:v>
                </c:pt>
                <c:pt idx="1036">
                  <c:v>0.5</c:v>
                </c:pt>
                <c:pt idx="1037">
                  <c:v>0.5</c:v>
                </c:pt>
                <c:pt idx="1038">
                  <c:v>0.5</c:v>
                </c:pt>
                <c:pt idx="1039">
                  <c:v>0.5</c:v>
                </c:pt>
                <c:pt idx="1040">
                  <c:v>0.5</c:v>
                </c:pt>
                <c:pt idx="1041">
                  <c:v>0.5</c:v>
                </c:pt>
                <c:pt idx="1042">
                  <c:v>0.5</c:v>
                </c:pt>
                <c:pt idx="1043">
                  <c:v>0.5</c:v>
                </c:pt>
                <c:pt idx="1044">
                  <c:v>0.5</c:v>
                </c:pt>
                <c:pt idx="1045">
                  <c:v>0.5</c:v>
                </c:pt>
                <c:pt idx="1046">
                  <c:v>0.5</c:v>
                </c:pt>
                <c:pt idx="1047">
                  <c:v>0.5</c:v>
                </c:pt>
                <c:pt idx="1048">
                  <c:v>0.5</c:v>
                </c:pt>
                <c:pt idx="1049">
                  <c:v>0.5</c:v>
                </c:pt>
                <c:pt idx="1050">
                  <c:v>0.5</c:v>
                </c:pt>
                <c:pt idx="1051">
                  <c:v>0.5</c:v>
                </c:pt>
                <c:pt idx="1052">
                  <c:v>0.5</c:v>
                </c:pt>
                <c:pt idx="1053">
                  <c:v>0.5</c:v>
                </c:pt>
                <c:pt idx="1054">
                  <c:v>0.5</c:v>
                </c:pt>
                <c:pt idx="1055">
                  <c:v>1</c:v>
                </c:pt>
                <c:pt idx="1056">
                  <c:v>0.5</c:v>
                </c:pt>
                <c:pt idx="1057">
                  <c:v>0.5</c:v>
                </c:pt>
                <c:pt idx="1058">
                  <c:v>0.5</c:v>
                </c:pt>
                <c:pt idx="1059">
                  <c:v>0.5</c:v>
                </c:pt>
                <c:pt idx="1060">
                  <c:v>0.5</c:v>
                </c:pt>
                <c:pt idx="1061">
                  <c:v>0.5</c:v>
                </c:pt>
                <c:pt idx="1062">
                  <c:v>0.5</c:v>
                </c:pt>
                <c:pt idx="1063">
                  <c:v>0</c:v>
                </c:pt>
                <c:pt idx="1064">
                  <c:v>0</c:v>
                </c:pt>
                <c:pt idx="1065">
                  <c:v>0</c:v>
                </c:pt>
                <c:pt idx="1066">
                  <c:v>0</c:v>
                </c:pt>
                <c:pt idx="1067">
                  <c:v>0</c:v>
                </c:pt>
                <c:pt idx="1068">
                  <c:v>0.5</c:v>
                </c:pt>
                <c:pt idx="1069">
                  <c:v>0.5</c:v>
                </c:pt>
                <c:pt idx="1070">
                  <c:v>0.5</c:v>
                </c:pt>
                <c:pt idx="1071">
                  <c:v>0.5</c:v>
                </c:pt>
                <c:pt idx="1072">
                  <c:v>0.5</c:v>
                </c:pt>
                <c:pt idx="1073">
                  <c:v>0.5</c:v>
                </c:pt>
                <c:pt idx="1074">
                  <c:v>0.5</c:v>
                </c:pt>
                <c:pt idx="1075">
                  <c:v>0.5</c:v>
                </c:pt>
                <c:pt idx="1076">
                  <c:v>0.5</c:v>
                </c:pt>
                <c:pt idx="1077">
                  <c:v>0.5</c:v>
                </c:pt>
                <c:pt idx="1078">
                  <c:v>0.5</c:v>
                </c:pt>
                <c:pt idx="1079">
                  <c:v>0.5</c:v>
                </c:pt>
                <c:pt idx="1080">
                  <c:v>1</c:v>
                </c:pt>
                <c:pt idx="1081">
                  <c:v>1</c:v>
                </c:pt>
                <c:pt idx="1082">
                  <c:v>1</c:v>
                </c:pt>
                <c:pt idx="1083">
                  <c:v>1</c:v>
                </c:pt>
                <c:pt idx="1084">
                  <c:v>1</c:v>
                </c:pt>
                <c:pt idx="1085">
                  <c:v>1</c:v>
                </c:pt>
                <c:pt idx="1086">
                  <c:v>1</c:v>
                </c:pt>
                <c:pt idx="1087">
                  <c:v>0.5</c:v>
                </c:pt>
                <c:pt idx="1088">
                  <c:v>0.5</c:v>
                </c:pt>
                <c:pt idx="1089">
                  <c:v>0.5</c:v>
                </c:pt>
                <c:pt idx="1090">
                  <c:v>0.5</c:v>
                </c:pt>
                <c:pt idx="1091">
                  <c:v>0</c:v>
                </c:pt>
                <c:pt idx="1092">
                  <c:v>0</c:v>
                </c:pt>
                <c:pt idx="1093">
                  <c:v>0</c:v>
                </c:pt>
                <c:pt idx="1094">
                  <c:v>0</c:v>
                </c:pt>
                <c:pt idx="1095">
                  <c:v>0</c:v>
                </c:pt>
                <c:pt idx="1096">
                  <c:v>0</c:v>
                </c:pt>
                <c:pt idx="1097">
                  <c:v>0</c:v>
                </c:pt>
                <c:pt idx="1098">
                  <c:v>0</c:v>
                </c:pt>
                <c:pt idx="1099">
                  <c:v>0</c:v>
                </c:pt>
                <c:pt idx="1100">
                  <c:v>0</c:v>
                </c:pt>
                <c:pt idx="1101">
                  <c:v>0</c:v>
                </c:pt>
                <c:pt idx="1102">
                  <c:v>0</c:v>
                </c:pt>
                <c:pt idx="1103">
                  <c:v>0</c:v>
                </c:pt>
                <c:pt idx="1104">
                  <c:v>0</c:v>
                </c:pt>
                <c:pt idx="1105">
                  <c:v>0</c:v>
                </c:pt>
                <c:pt idx="1106">
                  <c:v>0</c:v>
                </c:pt>
                <c:pt idx="1107">
                  <c:v>0</c:v>
                </c:pt>
                <c:pt idx="1108">
                  <c:v>0</c:v>
                </c:pt>
                <c:pt idx="1109">
                  <c:v>0</c:v>
                </c:pt>
                <c:pt idx="1110">
                  <c:v>0</c:v>
                </c:pt>
                <c:pt idx="1111">
                  <c:v>0</c:v>
                </c:pt>
                <c:pt idx="1112">
                  <c:v>0</c:v>
                </c:pt>
                <c:pt idx="1113">
                  <c:v>0</c:v>
                </c:pt>
                <c:pt idx="1114">
                  <c:v>0</c:v>
                </c:pt>
                <c:pt idx="1115">
                  <c:v>0</c:v>
                </c:pt>
                <c:pt idx="1116">
                  <c:v>0</c:v>
                </c:pt>
                <c:pt idx="1117">
                  <c:v>0</c:v>
                </c:pt>
                <c:pt idx="1118">
                  <c:v>0</c:v>
                </c:pt>
                <c:pt idx="1119">
                  <c:v>0</c:v>
                </c:pt>
                <c:pt idx="1120">
                  <c:v>0</c:v>
                </c:pt>
                <c:pt idx="1121">
                  <c:v>0</c:v>
                </c:pt>
                <c:pt idx="1122">
                  <c:v>0</c:v>
                </c:pt>
                <c:pt idx="1123">
                  <c:v>0</c:v>
                </c:pt>
                <c:pt idx="1124">
                  <c:v>0</c:v>
                </c:pt>
                <c:pt idx="1125">
                  <c:v>0</c:v>
                </c:pt>
                <c:pt idx="1126">
                  <c:v>0</c:v>
                </c:pt>
                <c:pt idx="1127">
                  <c:v>0</c:v>
                </c:pt>
                <c:pt idx="1128">
                  <c:v>0</c:v>
                </c:pt>
                <c:pt idx="1129">
                  <c:v>0</c:v>
                </c:pt>
                <c:pt idx="1130">
                  <c:v>0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A97B-4A5D-A22D-F275A00FA2D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242701824"/>
        <c:axId val="242703360"/>
      </c:scatterChart>
      <c:valAx>
        <c:axId val="242701824"/>
        <c:scaling>
          <c:orientation val="minMax"/>
        </c:scaling>
        <c:delete val="0"/>
        <c:axPos val="b"/>
        <c:numFmt formatCode="m/d;@" sourceLinked="0"/>
        <c:majorTickMark val="out"/>
        <c:minorTickMark val="none"/>
        <c:tickLblPos val="nextTo"/>
        <c:crossAx val="242703360"/>
        <c:crosses val="autoZero"/>
        <c:crossBetween val="midCat"/>
      </c:valAx>
      <c:valAx>
        <c:axId val="242703360"/>
        <c:scaling>
          <c:orientation val="minMax"/>
          <c:min val="0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crossAx val="242701824"/>
        <c:crosses val="autoZero"/>
        <c:crossBetween val="midCat"/>
      </c:valAx>
    </c:plotArea>
    <c:legend>
      <c:legendPos val="r"/>
      <c:overlay val="0"/>
    </c:legend>
    <c:plotVisOnly val="1"/>
    <c:dispBlanksAs val="gap"/>
    <c:showDLblsOverMax val="0"/>
  </c:chart>
  <c:externalData r:id="rId2">
    <c:autoUpdate val="0"/>
  </c:externalData>
  <c:userShapes r:id="rId3"/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54">
  <cs:axisTitle>
    <cs:lnRef idx="0"/>
    <cs:fillRef idx="0"/>
    <cs:effectRef idx="0"/>
    <cs:fontRef idx="minor">
      <a:schemeClr val="tx1">
        <a:lumMod val="50000"/>
        <a:lumOff val="50000"/>
      </a:schemeClr>
    </cs:fontRef>
    <cs:defRPr sz="1197" kern="1200" cap="all"/>
  </cs:axisTitle>
  <cs:categoryAxis>
    <cs:lnRef idx="0"/>
    <cs:fillRef idx="0"/>
    <cs:effectRef idx="0"/>
    <cs:fontRef idx="minor">
      <a:schemeClr val="tx1">
        <a:lumMod val="50000"/>
        <a:lumOff val="50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hartArea>
  <cs:dataLabel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1197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2">
      <cs:styleClr val="auto"/>
    </cs:fillRef>
    <cs:effectRef idx="1"/>
    <cs:fontRef idx="minor">
      <a:schemeClr val="dk1"/>
    </cs:fontRef>
    <cs:spPr>
      <a:ln w="9525" cap="flat" cmpd="sng" algn="ctr">
        <a:solidFill>
          <a:schemeClr val="phClr">
            <a:shade val="95000"/>
          </a:schemeClr>
        </a:solidFill>
        <a:round/>
      </a:ln>
    </cs:spPr>
  </cs:dataPoint>
  <cs:dataPoint3D>
    <cs:lnRef idx="0"/>
    <cs:fillRef idx="2">
      <cs:styleClr val="auto"/>
    </cs:fillRef>
    <cs:effectRef idx="1"/>
    <cs:fontRef idx="minor">
      <a:schemeClr val="dk1"/>
    </cs:fontRef>
    <cs:spPr/>
  </cs:dataPoint3D>
  <cs:dataPointLine>
    <cs:lnRef idx="0">
      <cs:styleClr val="auto"/>
    </cs:lnRef>
    <cs:fillRef idx="2">
      <cs:styleClr val="auto"/>
    </cs:fillRef>
    <cs:effectRef idx="1"/>
    <cs:fontRef idx="minor">
      <a:schemeClr val="dk1"/>
    </cs:fontRef>
    <cs:spPr>
      <a:ln w="158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2">
      <cs:styleClr val="auto"/>
    </cs:fillRef>
    <cs:effectRef idx="1"/>
    <cs:fontRef idx="minor">
      <a:schemeClr val="dk1"/>
    </cs:fontRef>
    <cs:spPr>
      <a:ln w="9525" cap="flat" cmpd="sng" algn="ctr">
        <a:solidFill>
          <a:schemeClr val="phClr">
            <a:shade val="95000"/>
          </a:schemeClr>
        </a:solidFill>
        <a:round/>
      </a:ln>
    </cs:spPr>
  </cs:dataPointMarker>
  <cs:dataPointMarkerLayout symbol="circle" size="4"/>
  <cs:dataPointWireframe>
    <cs:lnRef idx="0">
      <cs:styleClr val="auto"/>
    </cs:lnRef>
    <cs:fillRef idx="2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50000"/>
        <a:lumOff val="50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1197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>
        <a:solidFill>
          <a:schemeClr val="tx1">
            <a:lumMod val="5000"/>
            <a:lumOff val="95000"/>
          </a:schemeClr>
        </a:solidFill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50000"/>
        <a:lumOff val="50000"/>
      </a:schemeClr>
    </cs:fontRef>
    <cs:defRPr sz="1197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50000"/>
        <a:lumOff val="50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prstDash val="dash"/>
      </a:ln>
    </cs:spPr>
  </cs:seriesLine>
  <cs:title>
    <cs:lnRef idx="0"/>
    <cs:fillRef idx="0"/>
    <cs:effectRef idx="0"/>
    <cs:fontRef idx="minor">
      <a:schemeClr val="tx1">
        <a:lumMod val="50000"/>
        <a:lumOff val="50000"/>
      </a:schemeClr>
    </cs:fontRef>
    <cs:defRPr sz="1862" kern="1200" cap="none" spc="20" baseline="0"/>
  </cs:title>
  <cs:trendline>
    <cs:lnRef idx="0">
      <cs:styleClr val="auto"/>
    </cs:lnRef>
    <cs:fillRef idx="2"/>
    <cs:effectRef idx="0"/>
    <cs:fontRef idx="minor">
      <a:schemeClr val="dk1"/>
    </cs:fontRef>
    <cs:spPr>
      <a:ln w="9525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tx1">
        <a:lumMod val="50000"/>
        <a:lumOff val="50000"/>
      </a:schemeClr>
    </cs:fontRef>
    <cs:defRPr sz="1197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50000"/>
        <a:lumOff val="50000"/>
      </a:schemeClr>
    </cs:fontRef>
    <cs:defRPr sz="1197" kern="1200"/>
  </cs:valueAxis>
  <cs:wall>
    <cs:lnRef idx="0"/>
    <cs:fillRef idx="0"/>
    <cs:effectRef idx="0"/>
    <cs:fontRef idx="minor">
      <a:schemeClr val="dk1"/>
    </cs:fontRef>
  </cs:wall>
</cs:chartStyl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5">
  <dgm:title val=""/>
  <dgm:desc val=""/>
  <dgm:catLst>
    <dgm:cat type="colorful" pri="10500"/>
  </dgm:catLst>
  <dgm:styleLbl name="node0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5"/>
      <a:schemeClr val="accent6"/>
    </dgm:fillClrLst>
    <dgm:linClrLst>
      <a:schemeClr val="accent5"/>
      <a:schemeClr val="accent6"/>
    </dgm:linClrLst>
    <dgm:effectClrLst/>
    <dgm:txLinClrLst/>
    <dgm:txFillClrLst/>
    <dgm:txEffectClrLst/>
  </dgm:styleLbl>
  <dgm:styleLbl name="lnNode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5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5"/>
      <a:schemeClr val="accent6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5"/>
    </dgm:fillClrLst>
    <dgm:linClrLst meth="repeat">
      <a:schemeClr val="accent5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5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6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1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5"/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0000"/>
      </a:schemeClr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70000"/>
      </a:schemeClr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5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5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5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5">
        <a:tint val="40000"/>
        <a:alpha val="90000"/>
      </a:schemeClr>
      <a:schemeClr val="accent6">
        <a:tint val="40000"/>
        <a:alpha val="90000"/>
      </a:schemeClr>
    </dgm:fillClrLst>
    <dgm:linClrLst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6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5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5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5">
        <a:tint val="50000"/>
        <a:alpha val="40000"/>
      </a:schemeClr>
    </dgm:fillClrLst>
    <dgm:linClrLst meth="repeat">
      <a:schemeClr val="accent5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5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85A12477-E74E-4177-99B1-193B9A5E9EA8}" type="doc">
      <dgm:prSet loTypeId="urn:microsoft.com/office/officeart/2005/8/layout/radial6" loCatId="cycle" qsTypeId="urn:microsoft.com/office/officeart/2005/8/quickstyle/3d3" qsCatId="3D" csTypeId="urn:microsoft.com/office/officeart/2005/8/colors/colorful5" csCatId="colorful" phldr="1"/>
      <dgm:spPr/>
      <dgm:t>
        <a:bodyPr/>
        <a:lstStyle/>
        <a:p>
          <a:endParaRPr kumimoji="1" lang="ja-JP" altLang="en-US"/>
        </a:p>
      </dgm:t>
    </dgm:pt>
    <dgm:pt modelId="{978CDDEC-F7E4-4A20-9FCE-C43F41BC9A71}">
      <dgm:prSet phldrT="[テキスト]" custT="1"/>
      <dgm:spPr/>
      <dgm:t>
        <a:bodyPr/>
        <a:lstStyle/>
        <a:p>
          <a:r>
            <a:rPr kumimoji="1" lang="ja-JP" altLang="en-US" sz="3600" b="1"/>
            <a:t>地方自治体</a:t>
          </a:r>
          <a:endParaRPr kumimoji="1" lang="ja-JP" altLang="en-US" sz="3600" b="1" dirty="0"/>
        </a:p>
      </dgm:t>
    </dgm:pt>
    <dgm:pt modelId="{73FEB90D-A555-48CF-9A59-E72AF61A8DFA}" type="parTrans" cxnId="{3AC85165-FD0A-449D-A851-D27665FAD628}">
      <dgm:prSet/>
      <dgm:spPr/>
      <dgm:t>
        <a:bodyPr/>
        <a:lstStyle/>
        <a:p>
          <a:endParaRPr kumimoji="1" lang="ja-JP" altLang="en-US"/>
        </a:p>
      </dgm:t>
    </dgm:pt>
    <dgm:pt modelId="{1B5DB2F9-E291-4708-90AF-4A8B0D0C05A9}" type="sibTrans" cxnId="{3AC85165-FD0A-449D-A851-D27665FAD628}">
      <dgm:prSet/>
      <dgm:spPr/>
      <dgm:t>
        <a:bodyPr/>
        <a:lstStyle/>
        <a:p>
          <a:endParaRPr kumimoji="1" lang="ja-JP" altLang="en-US"/>
        </a:p>
      </dgm:t>
    </dgm:pt>
    <dgm:pt modelId="{FDC13647-AF9F-4207-A25F-B9BE49D856EC}">
      <dgm:prSet phldrT="[テキスト]" custT="1"/>
      <dgm:spPr/>
      <dgm:t>
        <a:bodyPr/>
        <a:lstStyle/>
        <a:p>
          <a:r>
            <a:rPr lang="ja-JP" altLang="en-US" sz="2000" b="1"/>
            <a:t>技　術（道具）</a:t>
          </a:r>
          <a:endParaRPr lang="en-US" altLang="ja-JP" sz="2000" b="1"/>
        </a:p>
        <a:p>
          <a:r>
            <a:rPr lang="en-US" altLang="ja-JP" sz="1600" b="1"/>
            <a:t>CM</a:t>
          </a:r>
          <a:r>
            <a:rPr lang="ja-JP" altLang="en-US" sz="1600" b="1"/>
            <a:t>、</a:t>
          </a:r>
          <a:r>
            <a:rPr lang="en-US" altLang="ja-JP" sz="1600" b="1"/>
            <a:t>DB</a:t>
          </a:r>
          <a:r>
            <a:rPr lang="ja-JP" altLang="en-US" sz="1600" b="1"/>
            <a:t>、</a:t>
          </a:r>
          <a:r>
            <a:rPr lang="en-US" altLang="ja-JP" sz="1600" b="1"/>
            <a:t>PPP/PFI</a:t>
          </a:r>
          <a:r>
            <a:rPr lang="ja-JP" altLang="en-US" sz="1600" b="1"/>
            <a:t>、包括管理</a:t>
          </a:r>
          <a:endParaRPr lang="en-US" altLang="ja-JP" sz="1600" b="1"/>
        </a:p>
        <a:p>
          <a:r>
            <a:rPr lang="en-US" altLang="ja-JP" sz="1600" b="1"/>
            <a:t>IOT</a:t>
          </a:r>
          <a:r>
            <a:rPr lang="ja-JP" altLang="en-US" sz="1600" b="1"/>
            <a:t>技術、</a:t>
          </a:r>
          <a:r>
            <a:rPr lang="en-US" altLang="ja-JP" sz="1600" b="1"/>
            <a:t>DX</a:t>
          </a:r>
          <a:r>
            <a:rPr lang="ja-JP" altLang="en-US" sz="1600" b="1"/>
            <a:t>、</a:t>
          </a:r>
          <a:r>
            <a:rPr lang="en-US" altLang="ja-JP" sz="1600" b="1"/>
            <a:t>BIM/CIM</a:t>
          </a:r>
          <a:r>
            <a:rPr lang="ja-JP" altLang="en-US" sz="1600" b="1"/>
            <a:t>、</a:t>
          </a:r>
          <a:r>
            <a:rPr lang="en-US" altLang="ja-JP" sz="1600" b="1"/>
            <a:t>AI</a:t>
          </a:r>
        </a:p>
        <a:p>
          <a:r>
            <a:rPr kumimoji="1" lang="ja-JP" altLang="en-US" sz="1600"/>
            <a:t>新技術・新工法・新材料</a:t>
          </a:r>
          <a:endParaRPr kumimoji="1" lang="ja-JP" altLang="en-US" sz="1600" dirty="0"/>
        </a:p>
      </dgm:t>
    </dgm:pt>
    <dgm:pt modelId="{E05501DE-2BBE-42D3-8935-34482AFB6A9E}" type="parTrans" cxnId="{BF530F94-6832-4BB2-9C7B-1810F5A3CC8D}">
      <dgm:prSet/>
      <dgm:spPr/>
      <dgm:t>
        <a:bodyPr/>
        <a:lstStyle/>
        <a:p>
          <a:endParaRPr kumimoji="1" lang="ja-JP" altLang="en-US"/>
        </a:p>
      </dgm:t>
    </dgm:pt>
    <dgm:pt modelId="{C44FD136-3056-452C-B500-88B80E117EF8}" type="sibTrans" cxnId="{BF530F94-6832-4BB2-9C7B-1810F5A3CC8D}">
      <dgm:prSet/>
      <dgm:spPr/>
      <dgm:t>
        <a:bodyPr/>
        <a:lstStyle/>
        <a:p>
          <a:endParaRPr kumimoji="1" lang="ja-JP" altLang="en-US"/>
        </a:p>
      </dgm:t>
    </dgm:pt>
    <dgm:pt modelId="{EAF21CF3-46B9-4D3C-8911-D8B02E6AB462}">
      <dgm:prSet phldrT="[テキスト]"/>
      <dgm:spPr/>
      <dgm:t>
        <a:bodyPr/>
        <a:lstStyle/>
        <a:p>
          <a:r>
            <a:rPr kumimoji="1" lang="ja-JP" altLang="en-US"/>
            <a:t>情報</a:t>
          </a:r>
          <a:endParaRPr kumimoji="1" lang="ja-JP" altLang="en-US" dirty="0"/>
        </a:p>
      </dgm:t>
    </dgm:pt>
    <dgm:pt modelId="{26B34A31-964D-4B2F-B738-0BB51C345A8D}" type="parTrans" cxnId="{B2B125FD-3DF5-49B6-9FF4-9566295A666D}">
      <dgm:prSet/>
      <dgm:spPr/>
      <dgm:t>
        <a:bodyPr/>
        <a:lstStyle/>
        <a:p>
          <a:endParaRPr kumimoji="1" lang="ja-JP" altLang="en-US"/>
        </a:p>
      </dgm:t>
    </dgm:pt>
    <dgm:pt modelId="{C9E2B2F2-AA07-42F7-8073-6F65174FEB46}" type="sibTrans" cxnId="{B2B125FD-3DF5-49B6-9FF4-9566295A666D}">
      <dgm:prSet/>
      <dgm:spPr/>
      <dgm:t>
        <a:bodyPr/>
        <a:lstStyle/>
        <a:p>
          <a:endParaRPr kumimoji="1" lang="ja-JP" altLang="en-US"/>
        </a:p>
      </dgm:t>
    </dgm:pt>
    <dgm:pt modelId="{6969D1B7-1C5D-48F2-9D03-48FA1787CC16}">
      <dgm:prSet phldrT="[テキスト]" custT="1"/>
      <dgm:spPr/>
      <dgm:t>
        <a:bodyPr/>
        <a:lstStyle/>
        <a:p>
          <a:r>
            <a:rPr lang="ja-JP" altLang="en-US" sz="2000" b="1"/>
            <a:t>マネジメント</a:t>
          </a:r>
          <a:endParaRPr lang="en-US" altLang="ja-JP" sz="2000" b="1"/>
        </a:p>
        <a:p>
          <a:r>
            <a:rPr lang="ja-JP" altLang="en-US" sz="2000" b="1"/>
            <a:t>（しくみ）</a:t>
          </a:r>
          <a:endParaRPr lang="en-US" altLang="ja-JP" sz="2000" b="1"/>
        </a:p>
        <a:p>
          <a:r>
            <a:rPr kumimoji="1" lang="ja-JP" altLang="en-US" sz="2000" b="1"/>
            <a:t>ｱｾｯﾄﾏﾈｼﾞﾒﾝﾄ、</a:t>
          </a:r>
          <a:r>
            <a:rPr kumimoji="1" lang="en-US" altLang="ja-JP" sz="2000" b="1"/>
            <a:t>PPP/PFI</a:t>
          </a:r>
          <a:r>
            <a:rPr kumimoji="1" lang="ja-JP" altLang="en-US" sz="2000" b="1"/>
            <a:t>、</a:t>
          </a:r>
          <a:endParaRPr kumimoji="1" lang="en-US" altLang="ja-JP" sz="2000" b="1"/>
        </a:p>
        <a:p>
          <a:r>
            <a:rPr kumimoji="1" lang="ja-JP" altLang="en-US" sz="2000" b="1"/>
            <a:t>包括管理</a:t>
          </a:r>
          <a:endParaRPr kumimoji="1" lang="ja-JP" altLang="en-US" sz="2000" b="1" dirty="0"/>
        </a:p>
      </dgm:t>
    </dgm:pt>
    <dgm:pt modelId="{0F8E3406-826F-47A7-A87F-783BF5E4622B}" type="parTrans" cxnId="{4C4A24A4-4FDF-41D0-B675-D03DD7FB2412}">
      <dgm:prSet/>
      <dgm:spPr/>
      <dgm:t>
        <a:bodyPr/>
        <a:lstStyle/>
        <a:p>
          <a:endParaRPr kumimoji="1" lang="ja-JP" altLang="en-US"/>
        </a:p>
      </dgm:t>
    </dgm:pt>
    <dgm:pt modelId="{4AB754FB-E9C3-4514-A185-165E331D19A8}" type="sibTrans" cxnId="{4C4A24A4-4FDF-41D0-B675-D03DD7FB2412}">
      <dgm:prSet/>
      <dgm:spPr/>
      <dgm:t>
        <a:bodyPr/>
        <a:lstStyle/>
        <a:p>
          <a:endParaRPr kumimoji="1" lang="ja-JP" altLang="en-US"/>
        </a:p>
      </dgm:t>
    </dgm:pt>
    <dgm:pt modelId="{2FFA91E4-9746-4CD3-B82F-4A6AF78016F9}">
      <dgm:prSet phldrT="[テキスト]" custRadScaleRad="110141" custRadScaleInc="124774"/>
      <dgm:spPr/>
      <dgm:t>
        <a:bodyPr/>
        <a:lstStyle/>
        <a:p>
          <a:endParaRPr kumimoji="1" lang="ja-JP" altLang="en-US"/>
        </a:p>
      </dgm:t>
    </dgm:pt>
    <dgm:pt modelId="{B153A8AB-698E-4CD2-9845-3FFAB0D775B7}" type="parTrans" cxnId="{21BA1A8D-38D5-4E2B-BFC1-0E67B6EFFC8D}">
      <dgm:prSet/>
      <dgm:spPr/>
      <dgm:t>
        <a:bodyPr/>
        <a:lstStyle/>
        <a:p>
          <a:endParaRPr kumimoji="1" lang="ja-JP" altLang="en-US"/>
        </a:p>
      </dgm:t>
    </dgm:pt>
    <dgm:pt modelId="{ED55C40B-2F62-4EA3-A8B3-D973FDEC053D}" type="sibTrans" cxnId="{21BA1A8D-38D5-4E2B-BFC1-0E67B6EFFC8D}">
      <dgm:prSet/>
      <dgm:spPr/>
      <dgm:t>
        <a:bodyPr/>
        <a:lstStyle/>
        <a:p>
          <a:endParaRPr kumimoji="1" lang="ja-JP" altLang="en-US"/>
        </a:p>
      </dgm:t>
    </dgm:pt>
    <dgm:pt modelId="{E91B5362-9FC5-43B7-AD3A-B33C0606F2EA}">
      <dgm:prSet phldrT="[テキスト]" custScaleX="167340" custRadScaleRad="180844" custRadScaleInc="-33573"/>
      <dgm:spPr/>
      <dgm:t>
        <a:bodyPr/>
        <a:lstStyle/>
        <a:p>
          <a:endParaRPr kumimoji="1" lang="ja-JP" altLang="en-US"/>
        </a:p>
      </dgm:t>
    </dgm:pt>
    <dgm:pt modelId="{D311D1F8-7621-4E57-A7BE-0366DB977CC5}" type="parTrans" cxnId="{F3C5C55D-277F-44DC-87E8-8589F879C97A}">
      <dgm:prSet/>
      <dgm:spPr/>
      <dgm:t>
        <a:bodyPr/>
        <a:lstStyle/>
        <a:p>
          <a:endParaRPr kumimoji="1" lang="ja-JP" altLang="en-US"/>
        </a:p>
      </dgm:t>
    </dgm:pt>
    <dgm:pt modelId="{0723BFD1-E85B-4F00-9222-ED3A258D4460}" type="sibTrans" cxnId="{F3C5C55D-277F-44DC-87E8-8589F879C97A}">
      <dgm:prSet/>
      <dgm:spPr/>
      <dgm:t>
        <a:bodyPr/>
        <a:lstStyle/>
        <a:p>
          <a:endParaRPr kumimoji="1" lang="ja-JP" altLang="en-US"/>
        </a:p>
      </dgm:t>
    </dgm:pt>
    <dgm:pt modelId="{945C73FA-BD78-491F-B6D0-75F333DEEE58}" type="pres">
      <dgm:prSet presAssocID="{85A12477-E74E-4177-99B1-193B9A5E9EA8}" presName="Name0" presStyleCnt="0">
        <dgm:presLayoutVars>
          <dgm:chMax val="1"/>
          <dgm:dir/>
          <dgm:animLvl val="ctr"/>
          <dgm:resizeHandles val="exact"/>
        </dgm:presLayoutVars>
      </dgm:prSet>
      <dgm:spPr/>
    </dgm:pt>
    <dgm:pt modelId="{1B7A546F-C023-41B4-9939-62CD431142CB}" type="pres">
      <dgm:prSet presAssocID="{978CDDEC-F7E4-4A20-9FCE-C43F41BC9A71}" presName="centerShape" presStyleLbl="node0" presStyleIdx="0" presStyleCnt="1" custScaleX="340047" custScaleY="92521" custLinFactNeighborX="18202" custLinFactNeighborY="-3776"/>
      <dgm:spPr/>
    </dgm:pt>
    <dgm:pt modelId="{37EFDD54-4FF3-42BA-8F3A-87DA326712CB}" type="pres">
      <dgm:prSet presAssocID="{FDC13647-AF9F-4207-A25F-B9BE49D856EC}" presName="node" presStyleLbl="node1" presStyleIdx="0" presStyleCnt="3" custScaleX="310340" custScaleY="171711" custRadScaleRad="124592" custRadScaleInc="89798">
        <dgm:presLayoutVars>
          <dgm:bulletEnabled val="1"/>
        </dgm:presLayoutVars>
      </dgm:prSet>
      <dgm:spPr/>
    </dgm:pt>
    <dgm:pt modelId="{488397DA-A7D8-49CD-B667-47DBC3249386}" type="pres">
      <dgm:prSet presAssocID="{FDC13647-AF9F-4207-A25F-B9BE49D856EC}" presName="dummy" presStyleCnt="0"/>
      <dgm:spPr/>
    </dgm:pt>
    <dgm:pt modelId="{ADF2A745-B2E1-48C3-8C93-F10BFE9DAA16}" type="pres">
      <dgm:prSet presAssocID="{C44FD136-3056-452C-B500-88B80E117EF8}" presName="sibTrans" presStyleLbl="sibTrans2D1" presStyleIdx="0" presStyleCnt="3" custScaleX="106692" custScaleY="85787" custLinFactNeighborX="32640" custLinFactNeighborY="2332"/>
      <dgm:spPr/>
    </dgm:pt>
    <dgm:pt modelId="{1E49F528-80FD-4845-8E12-95E8BED28EB3}" type="pres">
      <dgm:prSet presAssocID="{EAF21CF3-46B9-4D3C-8911-D8B02E6AB462}" presName="node" presStyleLbl="node1" presStyleIdx="1" presStyleCnt="3" custScaleX="155944" custScaleY="77501" custRadScaleRad="101074" custRadScaleInc="101223">
        <dgm:presLayoutVars>
          <dgm:bulletEnabled val="1"/>
        </dgm:presLayoutVars>
      </dgm:prSet>
      <dgm:spPr/>
    </dgm:pt>
    <dgm:pt modelId="{1A6685D1-977E-4489-9874-6C9A9A7A48AD}" type="pres">
      <dgm:prSet presAssocID="{EAF21CF3-46B9-4D3C-8911-D8B02E6AB462}" presName="dummy" presStyleCnt="0"/>
      <dgm:spPr/>
    </dgm:pt>
    <dgm:pt modelId="{B26C8BDD-608C-49F9-9CE6-C0CA4A4F566B}" type="pres">
      <dgm:prSet presAssocID="{C9E2B2F2-AA07-42F7-8073-6F65174FEB46}" presName="sibTrans" presStyleLbl="sibTrans2D1" presStyleIdx="1" presStyleCnt="3" custScaleX="149625" custScaleY="105303" custLinFactNeighborX="29948" custLinFactNeighborY="-8763"/>
      <dgm:spPr/>
    </dgm:pt>
    <dgm:pt modelId="{D655E89F-78F0-4262-AA9A-B4E8C71D0F76}" type="pres">
      <dgm:prSet presAssocID="{6969D1B7-1C5D-48F2-9D03-48FA1787CC16}" presName="node" presStyleLbl="node1" presStyleIdx="2" presStyleCnt="3" custScaleX="204513" custScaleY="193156" custRadScaleRad="144163" custRadScaleInc="183537">
        <dgm:presLayoutVars>
          <dgm:bulletEnabled val="1"/>
        </dgm:presLayoutVars>
      </dgm:prSet>
      <dgm:spPr/>
    </dgm:pt>
    <dgm:pt modelId="{94E342C1-8453-4B1B-A131-C49745D2E7F6}" type="pres">
      <dgm:prSet presAssocID="{6969D1B7-1C5D-48F2-9D03-48FA1787CC16}" presName="dummy" presStyleCnt="0"/>
      <dgm:spPr/>
    </dgm:pt>
    <dgm:pt modelId="{D89DFCA0-D398-4F2B-9C85-1C8E5156676F}" type="pres">
      <dgm:prSet presAssocID="{4AB754FB-E9C3-4514-A185-165E331D19A8}" presName="sibTrans" presStyleLbl="sibTrans2D1" presStyleIdx="2" presStyleCnt="3" custScaleX="100368" custScaleY="99211" custLinFactNeighborX="1447" custLinFactNeighborY="7348"/>
      <dgm:spPr/>
    </dgm:pt>
  </dgm:ptLst>
  <dgm:cxnLst>
    <dgm:cxn modelId="{2C9ADE27-209F-43E3-AF09-8AC47F76CE25}" type="presOf" srcId="{85A12477-E74E-4177-99B1-193B9A5E9EA8}" destId="{945C73FA-BD78-491F-B6D0-75F333DEEE58}" srcOrd="0" destOrd="0" presId="urn:microsoft.com/office/officeart/2005/8/layout/radial6"/>
    <dgm:cxn modelId="{F3C5C55D-277F-44DC-87E8-8589F879C97A}" srcId="{85A12477-E74E-4177-99B1-193B9A5E9EA8}" destId="{E91B5362-9FC5-43B7-AD3A-B33C0606F2EA}" srcOrd="2" destOrd="0" parTransId="{D311D1F8-7621-4E57-A7BE-0366DB977CC5}" sibTransId="{0723BFD1-E85B-4F00-9222-ED3A258D4460}"/>
    <dgm:cxn modelId="{3AC85165-FD0A-449D-A851-D27665FAD628}" srcId="{85A12477-E74E-4177-99B1-193B9A5E9EA8}" destId="{978CDDEC-F7E4-4A20-9FCE-C43F41BC9A71}" srcOrd="0" destOrd="0" parTransId="{73FEB90D-A555-48CF-9A59-E72AF61A8DFA}" sibTransId="{1B5DB2F9-E291-4708-90AF-4A8B0D0C05A9}"/>
    <dgm:cxn modelId="{CB0FC14E-08DD-455F-9987-0D5FB667EACE}" type="presOf" srcId="{C9E2B2F2-AA07-42F7-8073-6F65174FEB46}" destId="{B26C8BDD-608C-49F9-9CE6-C0CA4A4F566B}" srcOrd="0" destOrd="0" presId="urn:microsoft.com/office/officeart/2005/8/layout/radial6"/>
    <dgm:cxn modelId="{C9924353-703D-4981-BC44-722892A9A7D1}" type="presOf" srcId="{FDC13647-AF9F-4207-A25F-B9BE49D856EC}" destId="{37EFDD54-4FF3-42BA-8F3A-87DA326712CB}" srcOrd="0" destOrd="0" presId="urn:microsoft.com/office/officeart/2005/8/layout/radial6"/>
    <dgm:cxn modelId="{2BDAE276-30A4-475C-8417-BD43AF5CFA63}" type="presOf" srcId="{EAF21CF3-46B9-4D3C-8911-D8B02E6AB462}" destId="{1E49F528-80FD-4845-8E12-95E8BED28EB3}" srcOrd="0" destOrd="0" presId="urn:microsoft.com/office/officeart/2005/8/layout/radial6"/>
    <dgm:cxn modelId="{2142E884-8E6C-4AC0-AA19-87A352DB209C}" type="presOf" srcId="{C44FD136-3056-452C-B500-88B80E117EF8}" destId="{ADF2A745-B2E1-48C3-8C93-F10BFE9DAA16}" srcOrd="0" destOrd="0" presId="urn:microsoft.com/office/officeart/2005/8/layout/radial6"/>
    <dgm:cxn modelId="{21BA1A8D-38D5-4E2B-BFC1-0E67B6EFFC8D}" srcId="{85A12477-E74E-4177-99B1-193B9A5E9EA8}" destId="{2FFA91E4-9746-4CD3-B82F-4A6AF78016F9}" srcOrd="1" destOrd="0" parTransId="{B153A8AB-698E-4CD2-9845-3FFAB0D775B7}" sibTransId="{ED55C40B-2F62-4EA3-A8B3-D973FDEC053D}"/>
    <dgm:cxn modelId="{BF530F94-6832-4BB2-9C7B-1810F5A3CC8D}" srcId="{978CDDEC-F7E4-4A20-9FCE-C43F41BC9A71}" destId="{FDC13647-AF9F-4207-A25F-B9BE49D856EC}" srcOrd="0" destOrd="0" parTransId="{E05501DE-2BBE-42D3-8935-34482AFB6A9E}" sibTransId="{C44FD136-3056-452C-B500-88B80E117EF8}"/>
    <dgm:cxn modelId="{0D53E895-16D9-4261-9535-C40F446D5689}" type="presOf" srcId="{6969D1B7-1C5D-48F2-9D03-48FA1787CC16}" destId="{D655E89F-78F0-4262-AA9A-B4E8C71D0F76}" srcOrd="0" destOrd="0" presId="urn:microsoft.com/office/officeart/2005/8/layout/radial6"/>
    <dgm:cxn modelId="{4C4A24A4-4FDF-41D0-B675-D03DD7FB2412}" srcId="{978CDDEC-F7E4-4A20-9FCE-C43F41BC9A71}" destId="{6969D1B7-1C5D-48F2-9D03-48FA1787CC16}" srcOrd="2" destOrd="0" parTransId="{0F8E3406-826F-47A7-A87F-783BF5E4622B}" sibTransId="{4AB754FB-E9C3-4514-A185-165E331D19A8}"/>
    <dgm:cxn modelId="{5B3512A5-69CA-4A1D-AFF8-23D672B608C8}" type="presOf" srcId="{978CDDEC-F7E4-4A20-9FCE-C43F41BC9A71}" destId="{1B7A546F-C023-41B4-9939-62CD431142CB}" srcOrd="0" destOrd="0" presId="urn:microsoft.com/office/officeart/2005/8/layout/radial6"/>
    <dgm:cxn modelId="{41F56EAE-70D9-43C6-AC63-058A323A7C9D}" type="presOf" srcId="{4AB754FB-E9C3-4514-A185-165E331D19A8}" destId="{D89DFCA0-D398-4F2B-9C85-1C8E5156676F}" srcOrd="0" destOrd="0" presId="urn:microsoft.com/office/officeart/2005/8/layout/radial6"/>
    <dgm:cxn modelId="{B2B125FD-3DF5-49B6-9FF4-9566295A666D}" srcId="{978CDDEC-F7E4-4A20-9FCE-C43F41BC9A71}" destId="{EAF21CF3-46B9-4D3C-8911-D8B02E6AB462}" srcOrd="1" destOrd="0" parTransId="{26B34A31-964D-4B2F-B738-0BB51C345A8D}" sibTransId="{C9E2B2F2-AA07-42F7-8073-6F65174FEB46}"/>
    <dgm:cxn modelId="{B282A164-B58B-4D69-BE42-743FBC008212}" type="presParOf" srcId="{945C73FA-BD78-491F-B6D0-75F333DEEE58}" destId="{1B7A546F-C023-41B4-9939-62CD431142CB}" srcOrd="0" destOrd="0" presId="urn:microsoft.com/office/officeart/2005/8/layout/radial6"/>
    <dgm:cxn modelId="{47D86F54-281C-4F40-A683-D859E333AC66}" type="presParOf" srcId="{945C73FA-BD78-491F-B6D0-75F333DEEE58}" destId="{37EFDD54-4FF3-42BA-8F3A-87DA326712CB}" srcOrd="1" destOrd="0" presId="urn:microsoft.com/office/officeart/2005/8/layout/radial6"/>
    <dgm:cxn modelId="{7D33A113-4468-44B3-991F-CA78C2A44AB9}" type="presParOf" srcId="{945C73FA-BD78-491F-B6D0-75F333DEEE58}" destId="{488397DA-A7D8-49CD-B667-47DBC3249386}" srcOrd="2" destOrd="0" presId="urn:microsoft.com/office/officeart/2005/8/layout/radial6"/>
    <dgm:cxn modelId="{78DB7EFB-1AF9-45E0-B754-D00A791677A1}" type="presParOf" srcId="{945C73FA-BD78-491F-B6D0-75F333DEEE58}" destId="{ADF2A745-B2E1-48C3-8C93-F10BFE9DAA16}" srcOrd="3" destOrd="0" presId="urn:microsoft.com/office/officeart/2005/8/layout/radial6"/>
    <dgm:cxn modelId="{9123038C-613F-4F17-88B6-7EBE2B5EFE82}" type="presParOf" srcId="{945C73FA-BD78-491F-B6D0-75F333DEEE58}" destId="{1E49F528-80FD-4845-8E12-95E8BED28EB3}" srcOrd="4" destOrd="0" presId="urn:microsoft.com/office/officeart/2005/8/layout/radial6"/>
    <dgm:cxn modelId="{536D576A-9A6C-48BF-9D68-B5E70DE79BBE}" type="presParOf" srcId="{945C73FA-BD78-491F-B6D0-75F333DEEE58}" destId="{1A6685D1-977E-4489-9874-6C9A9A7A48AD}" srcOrd="5" destOrd="0" presId="urn:microsoft.com/office/officeart/2005/8/layout/radial6"/>
    <dgm:cxn modelId="{3320A52A-7F08-43FF-9E1D-D83F4558A438}" type="presParOf" srcId="{945C73FA-BD78-491F-B6D0-75F333DEEE58}" destId="{B26C8BDD-608C-49F9-9CE6-C0CA4A4F566B}" srcOrd="6" destOrd="0" presId="urn:microsoft.com/office/officeart/2005/8/layout/radial6"/>
    <dgm:cxn modelId="{54C999CB-0044-4439-9507-4F4E7FBE3014}" type="presParOf" srcId="{945C73FA-BD78-491F-B6D0-75F333DEEE58}" destId="{D655E89F-78F0-4262-AA9A-B4E8C71D0F76}" srcOrd="7" destOrd="0" presId="urn:microsoft.com/office/officeart/2005/8/layout/radial6"/>
    <dgm:cxn modelId="{0B10710E-D8AB-4B40-9A89-89672B74BACB}" type="presParOf" srcId="{945C73FA-BD78-491F-B6D0-75F333DEEE58}" destId="{94E342C1-8453-4B1B-A131-C49745D2E7F6}" srcOrd="8" destOrd="0" presId="urn:microsoft.com/office/officeart/2005/8/layout/radial6"/>
    <dgm:cxn modelId="{B858F32D-76A3-4966-B3AA-818C8D6867F3}" type="presParOf" srcId="{945C73FA-BD78-491F-B6D0-75F333DEEE58}" destId="{D89DFCA0-D398-4F2B-9C85-1C8E5156676F}" srcOrd="9" destOrd="0" presId="urn:microsoft.com/office/officeart/2005/8/layout/radial6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89DFCA0-D398-4F2B-9C85-1C8E5156676F}">
      <dsp:nvSpPr>
        <dsp:cNvPr id="0" name=""/>
        <dsp:cNvSpPr/>
      </dsp:nvSpPr>
      <dsp:spPr>
        <a:xfrm>
          <a:off x="1854020" y="243137"/>
          <a:ext cx="4043857" cy="3997241"/>
        </a:xfrm>
        <a:prstGeom prst="blockArc">
          <a:avLst>
            <a:gd name="adj1" fmla="val 12035282"/>
            <a:gd name="adj2" fmla="val 19640950"/>
            <a:gd name="adj3" fmla="val 4640"/>
          </a:avLst>
        </a:prstGeom>
        <a:solidFill>
          <a:schemeClr val="accent5">
            <a:hueOff val="-9933876"/>
            <a:satOff val="39811"/>
            <a:lumOff val="8628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-182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B26C8BDD-608C-49F9-9CE6-C0CA4A4F566B}">
      <dsp:nvSpPr>
        <dsp:cNvPr id="0" name=""/>
        <dsp:cNvSpPr/>
      </dsp:nvSpPr>
      <dsp:spPr>
        <a:xfrm>
          <a:off x="1430911" y="213023"/>
          <a:ext cx="6360232" cy="4476200"/>
        </a:xfrm>
        <a:prstGeom prst="blockArc">
          <a:avLst>
            <a:gd name="adj1" fmla="val 2942764"/>
            <a:gd name="adj2" fmla="val 13742764"/>
            <a:gd name="adj3" fmla="val 4398"/>
          </a:avLst>
        </a:prstGeom>
        <a:solidFill>
          <a:schemeClr val="accent5">
            <a:hueOff val="-4966938"/>
            <a:satOff val="19906"/>
            <a:lumOff val="4314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-182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ADF2A745-B2E1-48C3-8C93-F10BFE9DAA16}">
      <dsp:nvSpPr>
        <dsp:cNvPr id="0" name=""/>
        <dsp:cNvSpPr/>
      </dsp:nvSpPr>
      <dsp:spPr>
        <a:xfrm>
          <a:off x="3469955" y="831792"/>
          <a:ext cx="4298653" cy="3456384"/>
        </a:xfrm>
        <a:prstGeom prst="blockArc">
          <a:avLst>
            <a:gd name="adj1" fmla="val 18389526"/>
            <a:gd name="adj2" fmla="val 4702967"/>
            <a:gd name="adj3" fmla="val 4640"/>
          </a:avLst>
        </a:prstGeom>
        <a:solidFill>
          <a:schemeClr val="accent5"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-182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1B7A546F-C023-41B4-9939-62CD431142CB}">
      <dsp:nvSpPr>
        <dsp:cNvPr id="0" name=""/>
        <dsp:cNvSpPr/>
      </dsp:nvSpPr>
      <dsp:spPr>
        <a:xfrm>
          <a:off x="1599424" y="1845314"/>
          <a:ext cx="6306246" cy="1715822"/>
        </a:xfrm>
        <a:prstGeom prst="ellipse">
          <a:avLst/>
        </a:prstGeom>
        <a:solidFill>
          <a:schemeClr val="accent4"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40000" dist="20000" dir="5400000" rotWithShape="0">
            <a:srgbClr val="000000">
              <a:alpha val="38000"/>
            </a:srgbClr>
          </a:outerShdw>
        </a:effectLst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marL="0" lvl="0" indent="0" algn="ctr" defTabSz="16002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3600" b="1" kern="1200"/>
            <a:t>地方自治体</a:t>
          </a:r>
          <a:endParaRPr kumimoji="1" lang="ja-JP" altLang="en-US" sz="3600" b="1" kern="1200" dirty="0"/>
        </a:p>
      </dsp:txBody>
      <dsp:txXfrm>
        <a:off x="2522952" y="2096590"/>
        <a:ext cx="4459190" cy="1213270"/>
      </dsp:txXfrm>
    </dsp:sp>
    <dsp:sp modelId="{37EFDD54-4FF3-42BA-8F3A-87DA326712CB}">
      <dsp:nvSpPr>
        <dsp:cNvPr id="0" name=""/>
        <dsp:cNvSpPr/>
      </dsp:nvSpPr>
      <dsp:spPr>
        <a:xfrm>
          <a:off x="3460106" y="-230494"/>
          <a:ext cx="4028726" cy="2229092"/>
        </a:xfrm>
        <a:prstGeom prst="ellipse">
          <a:avLst/>
        </a:prstGeom>
        <a:solidFill>
          <a:schemeClr val="accent5">
            <a:hueOff val="0"/>
            <a:satOff val="0"/>
            <a:lumOff val="0"/>
            <a:alphaOff val="0"/>
          </a:schemeClr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25400" tIns="25400" rIns="25400" bIns="25400" numCol="1" spcCol="1270" anchor="ctr" anchorCtr="0">
          <a:noAutofit/>
        </a:bodyPr>
        <a:lstStyle/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ja-JP" altLang="en-US" sz="2000" b="1" kern="1200"/>
            <a:t>技　術（道具）</a:t>
          </a:r>
          <a:endParaRPr lang="en-US" altLang="ja-JP" sz="2000" b="1" kern="1200"/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altLang="ja-JP" sz="1600" b="1" kern="1200"/>
            <a:t>CM</a:t>
          </a:r>
          <a:r>
            <a:rPr lang="ja-JP" altLang="en-US" sz="1600" b="1" kern="1200"/>
            <a:t>、</a:t>
          </a:r>
          <a:r>
            <a:rPr lang="en-US" altLang="ja-JP" sz="1600" b="1" kern="1200"/>
            <a:t>DB</a:t>
          </a:r>
          <a:r>
            <a:rPr lang="ja-JP" altLang="en-US" sz="1600" b="1" kern="1200"/>
            <a:t>、</a:t>
          </a:r>
          <a:r>
            <a:rPr lang="en-US" altLang="ja-JP" sz="1600" b="1" kern="1200"/>
            <a:t>PPP/PFI</a:t>
          </a:r>
          <a:r>
            <a:rPr lang="ja-JP" altLang="en-US" sz="1600" b="1" kern="1200"/>
            <a:t>、包括管理</a:t>
          </a:r>
          <a:endParaRPr lang="en-US" altLang="ja-JP" sz="1600" b="1" kern="1200"/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altLang="ja-JP" sz="1600" b="1" kern="1200"/>
            <a:t>IOT</a:t>
          </a:r>
          <a:r>
            <a:rPr lang="ja-JP" altLang="en-US" sz="1600" b="1" kern="1200"/>
            <a:t>技術、</a:t>
          </a:r>
          <a:r>
            <a:rPr lang="en-US" altLang="ja-JP" sz="1600" b="1" kern="1200"/>
            <a:t>DX</a:t>
          </a:r>
          <a:r>
            <a:rPr lang="ja-JP" altLang="en-US" sz="1600" b="1" kern="1200"/>
            <a:t>、</a:t>
          </a:r>
          <a:r>
            <a:rPr lang="en-US" altLang="ja-JP" sz="1600" b="1" kern="1200"/>
            <a:t>BIM/CIM</a:t>
          </a:r>
          <a:r>
            <a:rPr lang="ja-JP" altLang="en-US" sz="1600" b="1" kern="1200"/>
            <a:t>、</a:t>
          </a:r>
          <a:r>
            <a:rPr lang="en-US" altLang="ja-JP" sz="1600" b="1" kern="1200"/>
            <a:t>AI</a:t>
          </a:r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1600" kern="1200"/>
            <a:t>新技術・新工法・新材料</a:t>
          </a:r>
          <a:endParaRPr kumimoji="1" lang="ja-JP" altLang="en-US" sz="1600" kern="1200" dirty="0"/>
        </a:p>
      </dsp:txBody>
      <dsp:txXfrm>
        <a:off x="4050099" y="95949"/>
        <a:ext cx="2848740" cy="1576206"/>
      </dsp:txXfrm>
    </dsp:sp>
    <dsp:sp modelId="{1E49F528-80FD-4845-8E12-95E8BED28EB3}">
      <dsp:nvSpPr>
        <dsp:cNvPr id="0" name=""/>
        <dsp:cNvSpPr/>
      </dsp:nvSpPr>
      <dsp:spPr>
        <a:xfrm>
          <a:off x="3688258" y="3890452"/>
          <a:ext cx="2024410" cy="1006091"/>
        </a:xfrm>
        <a:prstGeom prst="ellipse">
          <a:avLst/>
        </a:prstGeom>
        <a:solidFill>
          <a:schemeClr val="accent5">
            <a:hueOff val="-4966938"/>
            <a:satOff val="19906"/>
            <a:lumOff val="4314"/>
            <a:alphaOff val="0"/>
          </a:schemeClr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50800" tIns="50800" rIns="50800" bIns="50800" numCol="1" spcCol="1270" anchor="ctr" anchorCtr="0">
          <a:noAutofit/>
        </a:bodyPr>
        <a:lstStyle/>
        <a:p>
          <a:pPr marL="0" lvl="0" indent="0" algn="ctr" defTabSz="1778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4000" kern="1200"/>
            <a:t>情報</a:t>
          </a:r>
          <a:endParaRPr kumimoji="1" lang="ja-JP" altLang="en-US" sz="4000" kern="1200" dirty="0"/>
        </a:p>
      </dsp:txBody>
      <dsp:txXfrm>
        <a:off x="3984726" y="4037791"/>
        <a:ext cx="1431474" cy="711413"/>
      </dsp:txXfrm>
    </dsp:sp>
    <dsp:sp modelId="{D655E89F-78F0-4262-AA9A-B4E8C71D0F76}">
      <dsp:nvSpPr>
        <dsp:cNvPr id="0" name=""/>
        <dsp:cNvSpPr/>
      </dsp:nvSpPr>
      <dsp:spPr>
        <a:xfrm>
          <a:off x="648085" y="0"/>
          <a:ext cx="2654916" cy="2507484"/>
        </a:xfrm>
        <a:prstGeom prst="ellipse">
          <a:avLst/>
        </a:prstGeom>
        <a:solidFill>
          <a:schemeClr val="accent5">
            <a:hueOff val="-9933876"/>
            <a:satOff val="39811"/>
            <a:lumOff val="8628"/>
            <a:alphaOff val="0"/>
          </a:schemeClr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25400" tIns="25400" rIns="25400" bIns="25400" numCol="1" spcCol="1270" anchor="ctr" anchorCtr="0">
          <a:noAutofit/>
        </a:bodyPr>
        <a:lstStyle/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ja-JP" altLang="en-US" sz="2000" b="1" kern="1200"/>
            <a:t>マネジメント</a:t>
          </a:r>
          <a:endParaRPr lang="en-US" altLang="ja-JP" sz="2000" b="1" kern="1200"/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ja-JP" altLang="en-US" sz="2000" b="1" kern="1200"/>
            <a:t>（しくみ）</a:t>
          </a:r>
          <a:endParaRPr lang="en-US" altLang="ja-JP" sz="2000" b="1" kern="1200"/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2000" b="1" kern="1200"/>
            <a:t>ｱｾｯﾄﾏﾈｼﾞﾒﾝﾄ、</a:t>
          </a:r>
          <a:r>
            <a:rPr kumimoji="1" lang="en-US" altLang="ja-JP" sz="2000" b="1" kern="1200"/>
            <a:t>PPP/PFI</a:t>
          </a:r>
          <a:r>
            <a:rPr kumimoji="1" lang="ja-JP" altLang="en-US" sz="2000" b="1" kern="1200"/>
            <a:t>、</a:t>
          </a:r>
          <a:endParaRPr kumimoji="1" lang="en-US" altLang="ja-JP" sz="2000" b="1" kern="1200"/>
        </a:p>
        <a:p>
          <a:pPr marL="0" lvl="0" indent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kumimoji="1" lang="ja-JP" altLang="en-US" sz="2000" b="1" kern="1200"/>
            <a:t>包括管理</a:t>
          </a:r>
          <a:endParaRPr kumimoji="1" lang="ja-JP" altLang="en-US" sz="2000" b="1" kern="1200" dirty="0"/>
        </a:p>
      </dsp:txBody>
      <dsp:txXfrm>
        <a:off x="1036888" y="367213"/>
        <a:ext cx="1877310" cy="1773058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radial6">
  <dgm:title val=""/>
  <dgm:desc val=""/>
  <dgm:catLst>
    <dgm:cat type="cycle" pri="9000"/>
    <dgm:cat type="relationship" pri="2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13">
          <dgm:prSet phldr="1"/>
        </dgm:pt>
        <dgm:pt modelId="14">
          <dgm:prSet phldr="1"/>
        </dgm:pt>
      </dgm:ptLst>
      <dgm:cxnLst>
        <dgm:cxn modelId="2" srcId="0" destId="1" srcOrd="0" destOrd="0"/>
        <dgm:cxn modelId="3" srcId="1" destId="11" srcOrd="0" destOrd="0"/>
        <dgm:cxn modelId="4" srcId="1" destId="12" srcOrd="1" destOrd="0"/>
        <dgm:cxn modelId="5" srcId="1" destId="13" srcOrd="2" destOrd="0"/>
        <dgm:cxn modelId="6" srcId="1" destId="14" srcOrd="3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  <dgm:pt modelId="13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12"/>
        <dgm:pt modelId="13"/>
        <dgm:pt modelId="14"/>
        <dgm:pt modelId="15"/>
        <dgm:pt modelId="16"/>
      </dgm:ptLst>
      <dgm:cxnLst>
        <dgm:cxn modelId="2" srcId="0" destId="1" srcOrd="0" destOrd="0"/>
        <dgm:cxn modelId="16" srcId="1" destId="11" srcOrd="0" destOrd="0"/>
        <dgm:cxn modelId="17" srcId="1" destId="12" srcOrd="1" destOrd="0"/>
        <dgm:cxn modelId="18" srcId="1" destId="13" srcOrd="2" destOrd="0"/>
        <dgm:cxn modelId="19" srcId="1" destId="14" srcOrd="3" destOrd="0"/>
        <dgm:cxn modelId="20" srcId="1" destId="15" srcOrd="4" destOrd="0"/>
        <dgm:cxn modelId="21" srcId="1" destId="16" srcOrd="5" destOrd="0"/>
      </dgm:cxnLst>
      <dgm:bg/>
      <dgm:whole/>
    </dgm:dataModel>
  </dgm:clrData>
  <dgm:layoutNode name="Name0">
    <dgm:varLst>
      <dgm:chMax val="1"/>
      <dgm:dir/>
      <dgm:animLvl val="ctr"/>
      <dgm:resizeHandles val="exact"/>
    </dgm:varLst>
    <dgm:choose name="Name1">
      <dgm:if name="Name2" func="var" arg="dir" op="equ" val="norm">
        <dgm:choose name="Name3">
          <dgm:if name="Name4" axis="ch ch" ptType="node node" st="1 1" cnt="1 0" func="cnt" op="lte" val="1">
            <dgm:alg type="cycle">
              <dgm:param type="stAng" val="90"/>
              <dgm:param type="spanAng" val="360"/>
              <dgm:param type="ctrShpMap" val="fNode"/>
            </dgm:alg>
          </dgm:if>
          <dgm:else name="Name5">
            <dgm:alg type="cycle">
              <dgm:param type="stAng" val="0"/>
              <dgm:param type="spanAng" val="360"/>
              <dgm:param type="ctrShpMap" val="fNode"/>
            </dgm:alg>
          </dgm:else>
        </dgm:choose>
      </dgm:if>
      <dgm:else name="Name6">
        <dgm:choose name="Name7">
          <dgm:if name="Name8" axis="ch ch" ptType="node node" st="1 1" cnt="1 0" func="cnt" op="lte" val="1">
            <dgm:alg type="cycle">
              <dgm:param type="stAng" val="-90"/>
              <dgm:param type="spanAng" val="360"/>
              <dgm:param type="ctrShpMap" val="fNode"/>
            </dgm:alg>
          </dgm:if>
          <dgm:else name="Name9">
            <dgm:alg type="cycle">
              <dgm:param type="stAng" val="0"/>
              <dgm:param type="spanAng" val="-360"/>
              <dgm:param type="ctrShpMap" val="fNode"/>
            </dgm:alg>
          </dgm:else>
        </dgm:choose>
      </dgm:else>
    </dgm:choose>
    <dgm:shape xmlns:r="http://schemas.openxmlformats.org/officeDocument/2006/relationships" r:blip="">
      <dgm:adjLst/>
    </dgm:shape>
    <dgm:presOf/>
    <dgm:choose name="Name10">
      <dgm:if name="Name11" func="var" arg="dir" op="equ" val="norm">
        <dgm:choose name="Name12">
          <dgm:if name="Name13" axis="ch ch" ptType="node node" st="1 1" cnt="1 0" func="cnt" op="equ" val="1">
            <dgm:constrLst>
              <dgm:constr type="diam" val="170"/>
              <dgm:constr type="w" for="ch" forName="centerShape" refType="w"/>
              <dgm:constr type="w" for="ch" forName="oneComp" refType="w" refFor="ch" refForName="centerShape" op="equ" fact="0.7"/>
              <dgm:constr type="sp" refType="w" refFor="ch" refForName="oneComp" fact="0.3"/>
              <dgm:constr type="sibSp" refType="w" refFor="ch" refForName="oneComp" fact="0.3"/>
              <dgm:constr type="primFontSz" for="ch" forName="centerShape" val="65"/>
              <dgm:constr type="primFontSz" for="des" forName="oneNode" refType="primFontSz" refFor="ch" refForName="centerShape" fact="0.95"/>
              <dgm:constr type="primFontSz" for="des" forName="oneNode" refType="primFontSz" refFor="ch" refForName="centerShape" op="lte" fact="0.95"/>
              <dgm:constr type="diam" for="ch" forName="singleconn" refType="diam" op="equ" fact="-1"/>
              <dgm:constr type="h" for="ch" forName="singleconn" refType="w" refFor="ch" refForName="oneComp" fact="0.24"/>
              <dgm:constr type="w" for="ch" forName="dummya" refType="w" refFor="ch" refForName="oneComp" op="equ"/>
              <dgm:constr type="w" for="ch" forName="dummyb" refType="w" refFor="ch" refForName="oneComp" op="equ"/>
              <dgm:constr type="w" for="ch" forName="dummyc" refType="w" refFor="ch" refForName="oneComp" op="equ"/>
            </dgm:constrLst>
          </dgm:if>
          <dgm:else name="Name14">
            <dgm:constrLst>
              <dgm:constr type="diam" val="170"/>
              <dgm:constr type="w" for="ch" forName="centerShape" refType="w"/>
              <dgm:constr type="w" for="ch" forName="node" refType="w" refFor="ch" refForName="centerShape" op="equ" fact="0.7"/>
              <dgm:constr type="sp" refType="w" refFor="ch" refForName="node" fact="0.3"/>
              <dgm:constr type="sibSp" refType="w" refFor="ch" refForName="node" fact="0.3"/>
              <dgm:constr type="primFontSz" for="ch" forName="centerShape" val="65"/>
              <dgm:constr type="primFontSz" for="des" forName="node" refType="primFontSz" refFor="ch" refForName="centerShape" fact="0.78"/>
              <dgm:constr type="primFontSz" for="ch" forName="node" refType="primFontSz" refFor="ch" refForName="centerShape" op="lte" fact="0.95"/>
              <dgm:constr type="diam" for="ch" forName="sibTrans" refType="diam" op="equ"/>
              <dgm:constr type="h" for="ch" forName="sibTrans" refType="w" refFor="ch" refForName="node" fact="0.24"/>
              <dgm:constr type="w" for="ch" forName="dummy" val="1"/>
            </dgm:constrLst>
          </dgm:else>
        </dgm:choose>
      </dgm:if>
      <dgm:else name="Name15">
        <dgm:choose name="Name16">
          <dgm:if name="Name17" axis="ch ch" ptType="node node" st="1 1" cnt="1 0" func="cnt" op="equ" val="1">
            <dgm:constrLst>
              <dgm:constr type="diam" val="170"/>
              <dgm:constr type="w" for="ch" forName="centerShape" refType="w"/>
              <dgm:constr type="w" for="ch" forName="oneComp" refType="w" refFor="ch" refForName="centerShape" op="equ" fact="0.7"/>
              <dgm:constr type="sp" refType="w" refFor="ch" refForName="oneComp" fact="0.3"/>
              <dgm:constr type="sibSp" refType="w" refFor="ch" refForName="oneComp" fact="0.3"/>
              <dgm:constr type="primFontSz" for="ch" forName="centerShape" val="65"/>
              <dgm:constr type="primFontSz" for="des" forName="oneNode" refType="primFontSz" refFor="ch" refForName="centerShape" fact="0.95"/>
              <dgm:constr type="primFontSz" for="ch" forName="oneNode" refType="primFontSz" refFor="ch" refForName="centerShape" op="lte" fact="0.95"/>
              <dgm:constr type="diam" for="ch" forName="singleconn" refType="diam"/>
              <dgm:constr type="h" for="ch" forName="singleconn" refType="w" refFor="ch" refForName="oneComp" fact="0.24"/>
              <dgm:constr type="diam" for="ch" refType="diam" op="equ"/>
              <dgm:constr type="w" for="ch" forName="dummya" refType="w" refFor="ch" refForName="oneComp" op="equ"/>
              <dgm:constr type="w" for="ch" forName="dummyb" refType="w" refFor="ch" refForName="oneComp" op="equ"/>
              <dgm:constr type="w" for="ch" forName="dummyc" refType="w" refFor="ch" refForName="oneComp" op="equ"/>
            </dgm:constrLst>
          </dgm:if>
          <dgm:else name="Name18">
            <dgm:constrLst>
              <dgm:constr type="diam" val="170"/>
              <dgm:constr type="w" for="ch" forName="centerShape" refType="w"/>
              <dgm:constr type="w" for="ch" forName="node" refType="w" refFor="ch" refForName="centerShape" op="equ" fact="0.7"/>
              <dgm:constr type="sp" refType="w" refFor="ch" refForName="node" fact="0.3"/>
              <dgm:constr type="sibSp" refType="w" refFor="ch" refForName="node" fact="0.3"/>
              <dgm:constr type="primFontSz" for="ch" forName="centerShape" val="65"/>
              <dgm:constr type="primFontSz" for="des" forName="node" refType="primFontSz" refFor="ch" refForName="centerShape" fact="0.78"/>
              <dgm:constr type="primFontSz" for="ch" forName="node" refType="primFontSz" refFor="ch" refForName="centerShape" op="lte" fact="0.95"/>
              <dgm:constr type="diam" for="ch" ptType="sibTrans" refType="diam" fact="-1"/>
              <dgm:constr type="h" for="ch" forName="sibTrans" refType="w" refFor="ch" refForName="node" fact="0.24"/>
              <dgm:constr type="diam" for="ch" refType="diam" op="equ" fact="-1"/>
              <dgm:constr type="w" for="ch" forName="dummy" val="1"/>
            </dgm:constrLst>
          </dgm:else>
        </dgm:choose>
      </dgm:else>
    </dgm:choose>
    <dgm:ruleLst>
      <dgm:rule type="diam" val="INF" fact="NaN" max="NaN"/>
    </dgm:ruleLst>
    <dgm:forEach name="Name19" axis="ch" ptType="node" cnt="1">
      <dgm:layoutNode name="centerShape" styleLbl="node0">
        <dgm:alg type="tx"/>
        <dgm:shape xmlns:r="http://schemas.openxmlformats.org/officeDocument/2006/relationships" type="ellipse" r:blip="">
          <dgm:adjLst/>
        </dgm:shape>
        <dgm:presOf axis="self"/>
        <dgm:constrLst>
          <dgm:constr type="h" refType="w"/>
          <dgm:constr type="tMarg" refType="primFontSz" fact="0.1"/>
          <dgm:constr type="bMarg" refType="primFontSz" fact="0.1"/>
          <dgm:constr type="lMarg" refType="primFontSz" fact="0.1"/>
          <dgm:constr type="rMarg" refType="primFontSz" fact="0.1"/>
        </dgm:constrLst>
        <dgm:ruleLst>
          <dgm:rule type="primFontSz" val="5" fact="NaN" max="NaN"/>
        </dgm:ruleLst>
      </dgm:layoutNode>
      <dgm:forEach name="Name20" axis="ch">
        <dgm:forEach name="Name21" axis="self" ptType="node">
          <dgm:choose name="Name22">
            <dgm:if name="Name23" axis="par ch" ptType="node node" func="cnt" op="gt" val="1">
              <dgm:layoutNode name="node" styleLbl="node1">
                <dgm:varLst>
                  <dgm:bulletEnabled val="1"/>
                </dgm:varLst>
                <dgm:alg type="tx">
                  <dgm:param type="txAnchorVertCh" val="mid"/>
                </dgm:alg>
                <dgm:shape xmlns:r="http://schemas.openxmlformats.org/officeDocument/2006/relationships" type="ellipse" r:blip="">
                  <dgm:adjLst/>
                </dgm:shape>
                <dgm:presOf axis="desOrSelf" ptType="node"/>
                <dgm:constrLst>
                  <dgm:constr type="h" refType="w"/>
                  <dgm:constr type="tMarg" refType="primFontSz" fact="0.1"/>
                  <dgm:constr type="bMarg" refType="primFontSz" fact="0.1"/>
                  <dgm:constr type="lMarg" refType="primFontSz" fact="0.1"/>
                  <dgm:constr type="rMarg" refType="primFontSz" fact="0.1"/>
                </dgm:constrLst>
                <dgm:ruleLst>
                  <dgm:rule type="primFontSz" val="5" fact="NaN" max="NaN"/>
                </dgm:ruleLst>
              </dgm:layoutNode>
              <dgm:layoutNode name="dummy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forEach name="sibTransForEach" axis="followSib" ptType="sibTrans" hideLastTrans="0" cnt="1">
                <dgm:layoutNode name="sibTrans" styleLbl="sibTrans2D1">
                  <dgm:alg type="conn">
                    <dgm:param type="connRout" val="curve"/>
                    <dgm:param type="begPts" val="ctr"/>
                    <dgm:param type="endPts" val="ctr"/>
                    <dgm:param type="begSty" val="noArr"/>
                    <dgm:param type="endSty" val="noArr"/>
                    <dgm:param type="dstNode" val="node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</dgm:if>
            <dgm:if name="Name24" axis="par ch" ptType="node node" func="cnt" op="equ" val="1">
              <dgm:layoutNode name="oneComp">
                <dgm:alg type="composite">
                  <dgm:param type="ar" val="1"/>
                </dgm:alg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  <dgm:constr type="l" for="ch" forName="dummyConnPt" refType="w" fact="0.5"/>
                  <dgm:constr type="t" for="ch" forName="dummyConnPt" refType="w" fact="0.5"/>
                  <dgm:constr type="l" for="ch" forName="oneNode"/>
                  <dgm:constr type="t" for="ch" forName="oneNode"/>
                  <dgm:constr type="h" for="ch" forName="oneNode" refType="h"/>
                  <dgm:constr type="w" for="ch" forName="oneNode" refType="w"/>
                </dgm:constrLst>
                <dgm:ruleLst/>
                <dgm:layoutNode name="dummyConnPt" styleLbl="node1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>
                    <dgm:constr type="w" val="1"/>
                    <dgm:constr type="h" val="1"/>
                  </dgm:constrLst>
                  <dgm:ruleLst/>
                </dgm:layoutNode>
                <dgm:layoutNode name="oneNode" styleLbl="node1">
                  <dgm:varLst>
                    <dgm:bulletEnabled val="1"/>
                  </dgm:varLst>
                  <dgm:alg type="tx">
                    <dgm:param type="txAnchorVertCh" val="mid"/>
                  </dgm:alg>
                  <dgm:shape xmlns:r="http://schemas.openxmlformats.org/officeDocument/2006/relationships" type="ellipse" r:blip="">
                    <dgm:adjLst/>
                  </dgm:shape>
                  <dgm:presOf axis="desOrSelf" ptType="node"/>
                  <dgm:constrLst>
                    <dgm:constr type="h" refType="w"/>
                    <dgm:constr type="tMarg" refType="primFontSz" fact="0.1"/>
                    <dgm:constr type="bMarg" refType="primFontSz" fact="0.1"/>
                    <dgm:constr type="lMarg" refType="primFontSz" fact="0.1"/>
                    <dgm:constr type="rMarg" refType="primFontSz" fact="0.1"/>
                  </dgm:constrLst>
                  <dgm:ruleLst>
                    <dgm:rule type="primFontSz" val="5" fact="NaN" max="NaN"/>
                  </dgm:ruleLst>
                </dgm:layoutNode>
              </dgm:layoutNode>
              <dgm:layoutNode name="dummya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layoutNode name="dummyb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layoutNode name="dummyc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forEach name="sibTransForEach1" axis="followSib" ptType="sibTrans" hideLastTrans="0" cnt="1">
                <dgm:layoutNode name="singleconn" styleLbl="sibTrans2D1">
                  <dgm:alg type="conn">
                    <dgm:param type="connRout" val="longCurve"/>
                    <dgm:param type="begPts" val="bCtr"/>
                    <dgm:param type="endPts" val="tCtr"/>
                    <dgm:param type="begSty" val="noArr"/>
                    <dgm:param type="endSty" val="noArr"/>
                    <dgm:param type="srcNode" val="dummyConnPt"/>
                    <dgm:param type="dstNode" val="dummyConnPt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</dgm:if>
            <dgm:else name="Name25"/>
          </dgm:choose>
        </dgm:forEach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3d3">
  <dgm:title val=""/>
  <dgm:desc val=""/>
  <dgm:catLst>
    <dgm:cat type="3D" pri="11300"/>
  </dgm:catLst>
  <dgm:scene3d>
    <a:camera prst="orthographicFront"/>
    <a:lightRig rig="threePt" dir="t"/>
  </dgm:scene3d>
  <dgm:styleLbl name="node0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clear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flat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-182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1D1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>
        <a:rot lat="0" lon="0" rev="0"/>
      </a:camera>
      <a:lightRig rig="contrasting" dir="t">
        <a:rot lat="0" lon="0" rev="1200000"/>
      </a:lightRig>
    </dgm:scene3d>
    <dgm:sp3d z="10000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4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1D1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Acc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2700" prstMaterial="flat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>
        <a:rot lat="0" lon="0" rev="0"/>
      </a:camera>
      <a:lightRig rig="contrasting" dir="t">
        <a:rot lat="0" lon="0" rev="1200000"/>
      </a:lightRig>
    </dgm:scene3d>
    <dgm:sp3d z="-300000" prstMaterial="plastic"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flat">
      <a:bevelT w="100800" h="1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>
        <a:rot lat="0" lon="0" rev="0"/>
      </a:camera>
      <a:lightRig rig="contrasting" dir="t">
        <a:rot lat="0" lon="0" rev="1200000"/>
      </a:lightRig>
    </dgm:scene3d>
    <dgm:sp3d z="-152400" prstMaterial="matte"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59649</cdr:x>
      <cdr:y>0.5119</cdr:y>
    </cdr:from>
    <cdr:to>
      <cdr:x>0.70788</cdr:x>
      <cdr:y>0.58333</cdr:y>
    </cdr:to>
    <cdr:sp macro="" textlink="">
      <cdr:nvSpPr>
        <cdr:cNvPr id="2" name="テキスト ボックス 1">
          <a:extLst xmlns:a="http://schemas.openxmlformats.org/drawingml/2006/main">
            <a:ext uri="{FF2B5EF4-FFF2-40B4-BE49-F238E27FC236}">
              <a16:creationId xmlns:a16="http://schemas.microsoft.com/office/drawing/2014/main" id="{679EC2B2-5E95-42A7-A0BC-F2AA5D71F645}"/>
            </a:ext>
          </a:extLst>
        </cdr:cNvPr>
        <cdr:cNvSpPr txBox="1"/>
      </cdr:nvSpPr>
      <cdr:spPr>
        <a:xfrm xmlns:a="http://schemas.openxmlformats.org/drawingml/2006/main">
          <a:off x="4896544" y="3096344"/>
          <a:ext cx="914400" cy="43204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2000" dirty="0"/>
            <a:t>民生費</a:t>
          </a:r>
        </a:p>
      </cdr:txBody>
    </cdr:sp>
  </cdr:relSizeAnchor>
  <cdr:relSizeAnchor xmlns:cdr="http://schemas.openxmlformats.org/drawingml/2006/chartDrawing">
    <cdr:from>
      <cdr:x>0.44</cdr:x>
      <cdr:y>0.7415</cdr:y>
    </cdr:from>
    <cdr:to>
      <cdr:x>0.55139</cdr:x>
      <cdr:y>0.89267</cdr:y>
    </cdr:to>
    <cdr:sp macro="" textlink="">
      <cdr:nvSpPr>
        <cdr:cNvPr id="3" name="テキスト ボックス 2">
          <a:extLst xmlns:a="http://schemas.openxmlformats.org/drawingml/2006/main">
            <a:ext uri="{FF2B5EF4-FFF2-40B4-BE49-F238E27FC236}">
              <a16:creationId xmlns:a16="http://schemas.microsoft.com/office/drawing/2014/main" id="{60F9652A-B89D-4250-A8C6-A40D731BE7D0}"/>
            </a:ext>
          </a:extLst>
        </cdr:cNvPr>
        <cdr:cNvSpPr txBox="1"/>
      </cdr:nvSpPr>
      <cdr:spPr>
        <a:xfrm xmlns:a="http://schemas.openxmlformats.org/drawingml/2006/main">
          <a:off x="3960440" y="5085184"/>
          <a:ext cx="1002631" cy="1036749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2000" dirty="0"/>
            <a:t>土木費</a:t>
          </a:r>
        </a:p>
      </cdr:txBody>
    </cdr:sp>
  </cdr:relSizeAnchor>
</c:userShapes>
</file>

<file path=ppt/drawings/drawing2.xml><?xml version="1.0" encoding="utf-8"?>
<c:userShapes xmlns:c="http://schemas.openxmlformats.org/drawingml/2006/chart">
  <cdr:relSizeAnchor xmlns:cdr="http://schemas.openxmlformats.org/drawingml/2006/chartDrawing">
    <cdr:from>
      <cdr:x>0.77105</cdr:x>
      <cdr:y>0.0309</cdr:y>
    </cdr:from>
    <cdr:to>
      <cdr:x>0.97105</cdr:x>
      <cdr:y>0.26167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140960" y="119380"/>
          <a:ext cx="1333500" cy="891540"/>
        </a:xfrm>
        <a:prstGeom xmlns:a="http://schemas.openxmlformats.org/drawingml/2006/main" prst="rect">
          <a:avLst/>
        </a:prstGeom>
        <a:solidFill xmlns:a="http://schemas.openxmlformats.org/drawingml/2006/main">
          <a:schemeClr val="lt1"/>
        </a:solidFill>
        <a:ln xmlns:a="http://schemas.openxmlformats.org/drawingml/2006/main" w="9525" cmpd="sng">
          <a:solidFill>
            <a:schemeClr val="lt1">
              <a:shade val="50000"/>
            </a:schemeClr>
          </a:solidFill>
        </a:ln>
      </cdr:spPr>
      <cdr:style>
        <a:lnRef xmlns:a="http://schemas.openxmlformats.org/drawingml/2006/main" idx="0">
          <a:scrgbClr r="0" g="0" b="0"/>
        </a:lnRef>
        <a:fillRef xmlns:a="http://schemas.openxmlformats.org/drawingml/2006/main" idx="0">
          <a:scrgbClr r="0" g="0" b="0"/>
        </a:fillRef>
        <a:effectRef xmlns:a="http://schemas.openxmlformats.org/drawingml/2006/main" idx="0">
          <a:scrgbClr r="0" g="0" b="0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wrap="square" rtlCol="0" anchor="t"/>
        <a:lstStyle xmlns:a="http://schemas.openxmlformats.org/drawingml/2006/main">
          <a:lvl1pPr marL="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dk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marL="0" marR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2018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年</a:t>
          </a:r>
          <a:r>
            <a:rPr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5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月</a:t>
          </a:r>
          <a:r>
            <a:rPr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18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日</a:t>
          </a:r>
          <a:r>
            <a:rPr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AM7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：</a:t>
          </a:r>
          <a:r>
            <a:rPr lang="en-US" altLang="ja-JP" sz="1100">
              <a:solidFill>
                <a:schemeClr val="dk1"/>
              </a:solidFill>
              <a:latin typeface="+mn-lt"/>
              <a:ea typeface="+mn-ea"/>
              <a:cs typeface="+mn-cs"/>
            </a:rPr>
            <a:t>55</a:t>
          </a: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までの</a:t>
          </a:r>
          <a:endParaRPr lang="en-US" altLang="ja-JP" sz="1100">
            <a:solidFill>
              <a:schemeClr val="dk1"/>
            </a:solidFill>
            <a:latin typeface="+mn-lt"/>
            <a:ea typeface="+mn-ea"/>
            <a:cs typeface="+mn-cs"/>
          </a:endParaRPr>
        </a:p>
        <a:p xmlns:a="http://schemas.openxmlformats.org/drawingml/2006/main">
          <a:pPr marL="0" marR="0" indent="0" defTabSz="91440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/>
          </a:pPr>
          <a:r>
            <a:rPr lang="ja-JP" altLang="en-US" sz="1100">
              <a:solidFill>
                <a:schemeClr val="dk1"/>
              </a:solidFill>
              <a:latin typeface="+mn-lt"/>
              <a:ea typeface="+mn-ea"/>
              <a:cs typeface="+mn-cs"/>
            </a:rPr>
            <a:t>データグラフ</a:t>
          </a:r>
          <a:endParaRPr kumimoji="1" lang="ja-JP" altLang="en-US" sz="1100"/>
        </a:p>
      </cdr:txBody>
    </cdr: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4306657" cy="340469"/>
          </a:xfrm>
          <a:prstGeom prst="rect">
            <a:avLst/>
          </a:prstGeom>
        </p:spPr>
        <p:txBody>
          <a:bodyPr vert="horz" lIns="91833" tIns="45917" rIns="91833" bIns="45917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quarter" idx="1"/>
          </p:nvPr>
        </p:nvSpPr>
        <p:spPr>
          <a:xfrm>
            <a:off x="5630349" y="0"/>
            <a:ext cx="4306657" cy="340469"/>
          </a:xfrm>
          <a:prstGeom prst="rect">
            <a:avLst/>
          </a:prstGeom>
        </p:spPr>
        <p:txBody>
          <a:bodyPr vert="horz" lIns="91833" tIns="45917" rIns="91833" bIns="45917" rtlCol="0"/>
          <a:lstStyle>
            <a:lvl1pPr algn="r">
              <a:defRPr sz="1200"/>
            </a:lvl1pPr>
          </a:lstStyle>
          <a:p>
            <a:fld id="{76E59788-07DE-4976-9FCC-E5DBE7526B65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2"/>
          </p:nvPr>
        </p:nvSpPr>
        <p:spPr>
          <a:xfrm>
            <a:off x="0" y="6465640"/>
            <a:ext cx="4306657" cy="340469"/>
          </a:xfrm>
          <a:prstGeom prst="rect">
            <a:avLst/>
          </a:prstGeom>
        </p:spPr>
        <p:txBody>
          <a:bodyPr vert="horz" lIns="91833" tIns="45917" rIns="91833" bIns="45917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3"/>
          </p:nvPr>
        </p:nvSpPr>
        <p:spPr>
          <a:xfrm>
            <a:off x="5630349" y="6465640"/>
            <a:ext cx="4306657" cy="340469"/>
          </a:xfrm>
          <a:prstGeom prst="rect">
            <a:avLst/>
          </a:prstGeom>
        </p:spPr>
        <p:txBody>
          <a:bodyPr vert="horz" lIns="91833" tIns="45917" rIns="91833" bIns="45917" rtlCol="0" anchor="b"/>
          <a:lstStyle>
            <a:lvl1pPr algn="r">
              <a:defRPr sz="1200"/>
            </a:lvl1pPr>
          </a:lstStyle>
          <a:p>
            <a:fld id="{A2FA2AB9-A85C-49C8-9843-4A351ACE6611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517020042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1" y="0"/>
            <a:ext cx="4307047" cy="340360"/>
          </a:xfrm>
          <a:prstGeom prst="rect">
            <a:avLst/>
          </a:prstGeom>
        </p:spPr>
        <p:txBody>
          <a:bodyPr vert="horz" lIns="91833" tIns="45917" rIns="91833" bIns="45917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5629992" y="0"/>
            <a:ext cx="4307047" cy="340360"/>
          </a:xfrm>
          <a:prstGeom prst="rect">
            <a:avLst/>
          </a:prstGeom>
        </p:spPr>
        <p:txBody>
          <a:bodyPr vert="horz" lIns="91833" tIns="45917" rIns="91833" bIns="45917" rtlCol="0"/>
          <a:lstStyle>
            <a:lvl1pPr algn="r">
              <a:defRPr sz="1200"/>
            </a:lvl1pPr>
          </a:lstStyle>
          <a:p>
            <a:fld id="{00014E37-C240-4A5D-8D54-7CDCEBCFE876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3268663" y="511175"/>
            <a:ext cx="3402012" cy="2551113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833" tIns="45917" rIns="91833" bIns="45917" rtlCol="0" anchor="ctr"/>
          <a:lstStyle/>
          <a:p>
            <a:endParaRPr lang="ja-JP" altLang="en-US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993934" y="3233420"/>
            <a:ext cx="7951470" cy="3063240"/>
          </a:xfrm>
          <a:prstGeom prst="rect">
            <a:avLst/>
          </a:prstGeom>
        </p:spPr>
        <p:txBody>
          <a:bodyPr vert="horz" lIns="91833" tIns="45917" rIns="91833" bIns="45917" rtlCol="0"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1" y="6465659"/>
            <a:ext cx="4307047" cy="340360"/>
          </a:xfrm>
          <a:prstGeom prst="rect">
            <a:avLst/>
          </a:prstGeom>
        </p:spPr>
        <p:txBody>
          <a:bodyPr vert="horz" lIns="91833" tIns="45917" rIns="91833" bIns="45917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5629992" y="6465659"/>
            <a:ext cx="4307047" cy="340360"/>
          </a:xfrm>
          <a:prstGeom prst="rect">
            <a:avLst/>
          </a:prstGeom>
        </p:spPr>
        <p:txBody>
          <a:bodyPr vert="horz" lIns="91833" tIns="45917" rIns="91833" bIns="45917" rtlCol="0" anchor="b"/>
          <a:lstStyle>
            <a:lvl1pPr algn="r">
              <a:defRPr sz="1200"/>
            </a:lvl1pPr>
          </a:lstStyle>
          <a:p>
            <a:fld id="{0FA0D7FB-34D8-412F-80F8-B2B07250E8BF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1558874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371600" y="1143000"/>
            <a:ext cx="4114800" cy="3086100"/>
          </a:xfrm>
          <a:ln/>
        </p:spPr>
      </p:sp>
      <p:sp>
        <p:nvSpPr>
          <p:cNvPr id="23555" name="Rectangle 3"/>
          <p:cNvSpPr>
            <a:spLocks noGrp="1" noChangeArrowheads="1"/>
          </p:cNvSpPr>
          <p:nvPr>
            <p:ph type="body" idx="1"/>
          </p:nvPr>
        </p:nvSpPr>
        <p:spPr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r>
              <a:rPr lang="ja-JP" altLang="en-US" dirty="0">
                <a:latin typeface="Arial" charset="0"/>
              </a:rPr>
              <a:t>重要橋梁は、</a:t>
            </a:r>
          </a:p>
          <a:p>
            <a:r>
              <a:rPr lang="ja-JP" altLang="en-US" dirty="0">
                <a:latin typeface="Arial" charset="0"/>
              </a:rPr>
              <a:t>　大規模な河川（国土交通省直轄の１級河川およびその上流）に架かる橋</a:t>
            </a:r>
          </a:p>
          <a:p>
            <a:r>
              <a:rPr lang="ja-JP" altLang="en-US" dirty="0">
                <a:latin typeface="Arial" charset="0"/>
              </a:rPr>
              <a:t>　　神通川　　神通大橋（旧橋、新橋）　新保大橋、新婦大橋、神峡橋、寺津橋、観光橋、吉野橋など</a:t>
            </a:r>
          </a:p>
          <a:p>
            <a:r>
              <a:rPr lang="ja-JP" altLang="en-US" dirty="0">
                <a:latin typeface="Arial" charset="0"/>
              </a:rPr>
              <a:t>　　常願時　　雷鳥大橋</a:t>
            </a:r>
          </a:p>
          <a:p>
            <a:r>
              <a:rPr lang="ja-JP" altLang="en-US" dirty="0">
                <a:latin typeface="Arial" charset="0"/>
              </a:rPr>
              <a:t>　　井田川　　高田橋　祢比川橋、宮神橋、新井田橋、坂のまち大橋、八尾大橋など</a:t>
            </a:r>
          </a:p>
          <a:p>
            <a:r>
              <a:rPr lang="ja-JP" altLang="en-US" dirty="0">
                <a:latin typeface="Arial" charset="0"/>
              </a:rPr>
              <a:t>　　熊野川　　八幡橋、友杉橋、任海橋、黒牧橋、文殊寺橋、小俣２号橋　</a:t>
            </a:r>
          </a:p>
          <a:p>
            <a:r>
              <a:rPr lang="ja-JP" altLang="en-US" dirty="0">
                <a:latin typeface="Arial" charset="0"/>
              </a:rPr>
              <a:t>　中規模な河川（県管理、市管理河川などの１級河川から普通河川）に架かる橋</a:t>
            </a:r>
          </a:p>
          <a:p>
            <a:r>
              <a:rPr lang="ja-JP" altLang="en-US" dirty="0">
                <a:latin typeface="Arial" charset="0"/>
              </a:rPr>
              <a:t>　　いたち川　千歳橋、八田橋、大平橋、新四ツ屋橋など</a:t>
            </a:r>
          </a:p>
          <a:p>
            <a:r>
              <a:rPr lang="ja-JP" altLang="en-US" dirty="0">
                <a:latin typeface="Arial" charset="0"/>
              </a:rPr>
              <a:t>　　松　　川　安住橋、塩倉橋、華明橋など</a:t>
            </a:r>
          </a:p>
          <a:p>
            <a:r>
              <a:rPr lang="en-US" altLang="ja-JP" dirty="0">
                <a:latin typeface="Arial" charset="0"/>
              </a:rPr>
              <a:t>JR</a:t>
            </a:r>
            <a:r>
              <a:rPr lang="ja-JP" altLang="en-US" dirty="0" err="1">
                <a:latin typeface="Arial" charset="0"/>
              </a:rPr>
              <a:t>、</a:t>
            </a:r>
            <a:r>
              <a:rPr lang="ja-JP" altLang="en-US" dirty="0">
                <a:latin typeface="Arial" charset="0"/>
              </a:rPr>
              <a:t>地鉄の跨線橋として、妙川寺跨線橋、開発陸橋</a:t>
            </a:r>
          </a:p>
          <a:p>
            <a:r>
              <a:rPr lang="ja-JP" altLang="en-US" dirty="0">
                <a:latin typeface="Arial" charset="0"/>
              </a:rPr>
              <a:t>跨道橋として　国道４１号に紅葉橋、北陸自動車道に呉羽橋などがある。</a:t>
            </a:r>
          </a:p>
          <a:p>
            <a:endParaRPr lang="ja-JP" altLang="en-US" dirty="0">
              <a:latin typeface="Arial" charset="0"/>
            </a:endParaRPr>
          </a:p>
          <a:p>
            <a:r>
              <a:rPr lang="ja-JP" altLang="en-US" dirty="0">
                <a:latin typeface="Arial" charset="0"/>
              </a:rPr>
              <a:t>１００ｍ以上（長大橋）　宿坊大橋、神通大橋（新、旧）、新保大橋、高田橋</a:t>
            </a:r>
          </a:p>
          <a:p>
            <a:r>
              <a:rPr lang="ja-JP" altLang="en-US" dirty="0">
                <a:latin typeface="Arial" charset="0"/>
              </a:rPr>
              <a:t>　　１００ｍ以上の橋は実は殆どが県施工で後に市道へ移管されたもの。</a:t>
            </a:r>
          </a:p>
          <a:p>
            <a:r>
              <a:rPr lang="ja-JP" altLang="en-US" dirty="0">
                <a:latin typeface="Arial" charset="0"/>
              </a:rPr>
              <a:t>　　富山市施工　高田橋</a:t>
            </a:r>
          </a:p>
          <a:p>
            <a:endParaRPr lang="ja-JP" altLang="en-US" dirty="0">
              <a:latin typeface="Arial" charset="0"/>
            </a:endParaRPr>
          </a:p>
          <a:p>
            <a:r>
              <a:rPr lang="ja-JP" altLang="en-US" dirty="0">
                <a:latin typeface="Arial" charset="0"/>
              </a:rPr>
              <a:t>５０以上１００未満　永代橋、八幡橋、木場橋</a:t>
            </a:r>
          </a:p>
          <a:p>
            <a:r>
              <a:rPr lang="ja-JP" altLang="en-US" dirty="0">
                <a:latin typeface="Arial" charset="0"/>
              </a:rPr>
              <a:t>５０未満　塩倉橋、安住橋、千歳橋、八田橋</a:t>
            </a:r>
          </a:p>
          <a:p>
            <a:endParaRPr lang="ja-JP" altLang="en-US" dirty="0">
              <a:latin typeface="Arial" charset="0"/>
            </a:endParaRPr>
          </a:p>
          <a:p>
            <a:r>
              <a:rPr lang="ja-JP" altLang="en-US" dirty="0">
                <a:latin typeface="Arial" charset="0"/>
              </a:rPr>
              <a:t>小規模橋梁は１００％が河川、用排水路に架かる。</a:t>
            </a:r>
          </a:p>
        </p:txBody>
      </p:sp>
    </p:spTree>
    <p:extLst>
      <p:ext uri="{BB962C8B-B14F-4D97-AF65-F5344CB8AC3E}">
        <p14:creationId xmlns:p14="http://schemas.microsoft.com/office/powerpoint/2010/main" val="11216916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kumimoji="1" lang="ja-JP" altLang="en-US"/>
              <a:t>マスター サブタイトルの書式設定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28286814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5698713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866481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>
  <p:cSld name="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コンテンツ プレースホルダ 1"/>
          <p:cNvSpPr>
            <a:spLocks noGrp="1"/>
          </p:cNvSpPr>
          <p:nvPr>
            <p:ph/>
          </p:nvPr>
        </p:nvSpPr>
        <p:spPr>
          <a:xfrm>
            <a:off x="457200" y="277813"/>
            <a:ext cx="8229600" cy="5853112"/>
          </a:xfrm>
        </p:spPr>
        <p:txBody>
          <a:bodyPr/>
          <a:lstStyle/>
          <a:p>
            <a:pPr lvl="0"/>
            <a:r>
              <a:rPr lang="ja-JP" altLang="en-US"/>
              <a:t>マスタ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</a:p>
        </p:txBody>
      </p:sp>
      <p:sp>
        <p:nvSpPr>
          <p:cNvPr id="3" name="日付プレースホルダー 3">
            <a:extLst>
              <a:ext uri="{FF2B5EF4-FFF2-40B4-BE49-F238E27FC236}">
                <a16:creationId xmlns:a16="http://schemas.microsoft.com/office/drawing/2014/main" id="{6D2BC13F-171D-4D2B-A8B3-464F3928B9B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4" name="フッター プレースホルダー 4">
            <a:extLst>
              <a:ext uri="{FF2B5EF4-FFF2-40B4-BE49-F238E27FC236}">
                <a16:creationId xmlns:a16="http://schemas.microsoft.com/office/drawing/2014/main" id="{1516F2BB-ABF0-4C37-9AFB-DACE080C467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スライド番号プレースホルダー 5">
            <a:extLst>
              <a:ext uri="{FF2B5EF4-FFF2-40B4-BE49-F238E27FC236}">
                <a16:creationId xmlns:a16="http://schemas.microsoft.com/office/drawing/2014/main" id="{98440761-E545-4AA7-B500-D50EE54EEF8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EF4C5375-4CF1-4A6C-B5A5-87C1FF8E3942}" type="slidenum">
              <a:rPr lang="en-US" altLang="ja-JP"/>
              <a:pPr/>
              <a:t>‹#›</a:t>
            </a:fld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31332160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83891940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98516050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12069952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5" name="テキス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6" name="コンテンツ プレースホルダー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7" name="日付プレースホルダー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8" name="フッター プレースホルダー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スライド番号プレースホルダー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19155687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30279061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ー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3" name="フッター プレースホルダー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97070044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&#10;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55365230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図プレースホルダー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5321521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プレースホルダー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4A7C7C5-B1AB-4378-AC9A-AF036CD2EA5B}" type="datetimeFigureOut">
              <a:rPr kumimoji="1" lang="ja-JP" altLang="en-US" smtClean="0"/>
              <a:t>2021/5/5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1899B42-1756-4894-9698-8ECC5838FE7A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1741131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xStyles>
    <p:titleStyle>
      <a:lvl1pPr algn="ctr" defTabSz="914400" rtl="0" eaLnBrk="1" latinLnBrk="0" hangingPunct="1">
        <a:spcBef>
          <a:spcPct val="0"/>
        </a:spcBef>
        <a:buNone/>
        <a:defRPr kumimoji="1"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kumimoji="1"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ja-JP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emf"/><Relationship Id="rId1" Type="http://schemas.openxmlformats.org/officeDocument/2006/relationships/slideLayout" Target="../slideLayouts/slideLayout7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9.jpeg"/><Relationship Id="rId5" Type="http://schemas.openxmlformats.org/officeDocument/2006/relationships/image" Target="../media/image28.jpeg"/><Relationship Id="rId4" Type="http://schemas.openxmlformats.org/officeDocument/2006/relationships/image" Target="../media/image27.jpeg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7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7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7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7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7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43.png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50.png"/><Relationship Id="rId3" Type="http://schemas.openxmlformats.org/officeDocument/2006/relationships/image" Target="../media/image45.jpeg"/><Relationship Id="rId7" Type="http://schemas.openxmlformats.org/officeDocument/2006/relationships/image" Target="../media/image49.jpeg"/><Relationship Id="rId2" Type="http://schemas.openxmlformats.org/officeDocument/2006/relationships/image" Target="../media/image44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8.jpeg"/><Relationship Id="rId5" Type="http://schemas.openxmlformats.org/officeDocument/2006/relationships/image" Target="../media/image47.jpeg"/><Relationship Id="rId10" Type="http://schemas.openxmlformats.org/officeDocument/2006/relationships/image" Target="../media/image52.png"/><Relationship Id="rId4" Type="http://schemas.openxmlformats.org/officeDocument/2006/relationships/image" Target="../media/image46.jpeg"/><Relationship Id="rId9" Type="http://schemas.openxmlformats.org/officeDocument/2006/relationships/image" Target="../media/image51.jpeg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png"/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7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1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5.png"/><Relationship Id="rId1" Type="http://schemas.openxmlformats.org/officeDocument/2006/relationships/slideLayout" Target="../slideLayouts/slideLayout1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jpeg"/><Relationship Id="rId2" Type="http://schemas.openxmlformats.org/officeDocument/2006/relationships/image" Target="../media/image56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60.jpeg"/><Relationship Id="rId5" Type="http://schemas.openxmlformats.org/officeDocument/2006/relationships/chart" Target="../charts/chart2.xml"/><Relationship Id="rId4" Type="http://schemas.openxmlformats.org/officeDocument/2006/relationships/image" Target="../media/image58.jpeg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1.jpeg"/><Relationship Id="rId1" Type="http://schemas.openxmlformats.org/officeDocument/2006/relationships/slideLayout" Target="../slideLayouts/slideLayout7.xml"/></Relationships>
</file>

<file path=ppt/slides/_rels/slide37.xml.rels><?xml version="1.0" encoding="UTF-8" standalone="yes"?>
<Relationships xmlns="http://schemas.openxmlformats.org/package/2006/relationships"><Relationship Id="rId8" Type="http://schemas.openxmlformats.org/officeDocument/2006/relationships/image" Target="../media/image67.jpeg"/><Relationship Id="rId3" Type="http://schemas.openxmlformats.org/officeDocument/2006/relationships/image" Target="../media/image62.jpeg"/><Relationship Id="rId7" Type="http://schemas.openxmlformats.org/officeDocument/2006/relationships/image" Target="../media/image66.jpeg"/><Relationship Id="rId2" Type="http://schemas.openxmlformats.org/officeDocument/2006/relationships/image" Target="../media/image61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65.jpeg"/><Relationship Id="rId5" Type="http://schemas.openxmlformats.org/officeDocument/2006/relationships/image" Target="../media/image64.jpeg"/><Relationship Id="rId10" Type="http://schemas.openxmlformats.org/officeDocument/2006/relationships/image" Target="../media/image69.jpeg"/><Relationship Id="rId4" Type="http://schemas.openxmlformats.org/officeDocument/2006/relationships/image" Target="../media/image63.jpeg"/><Relationship Id="rId9" Type="http://schemas.openxmlformats.org/officeDocument/2006/relationships/image" Target="../media/image68.jpeg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1.jpeg"/><Relationship Id="rId1" Type="http://schemas.openxmlformats.org/officeDocument/2006/relationships/slideLayout" Target="../slideLayouts/slideLayout7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0.jpeg"/><Relationship Id="rId2" Type="http://schemas.openxmlformats.org/officeDocument/2006/relationships/image" Target="../media/image61.jpe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72.jpeg"/><Relationship Id="rId4" Type="http://schemas.openxmlformats.org/officeDocument/2006/relationships/image" Target="../media/image71.jpe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3.jpeg"/><Relationship Id="rId2" Type="http://schemas.openxmlformats.org/officeDocument/2006/relationships/image" Target="../media/image61.jpe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75.jpeg"/><Relationship Id="rId4" Type="http://schemas.openxmlformats.org/officeDocument/2006/relationships/image" Target="../media/image74.jpeg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1.jpeg"/><Relationship Id="rId1" Type="http://schemas.openxmlformats.org/officeDocument/2006/relationships/slideLayout" Target="../slideLayouts/slideLayout7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76.jpeg"/><Relationship Id="rId2" Type="http://schemas.openxmlformats.org/officeDocument/2006/relationships/image" Target="../media/image61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77.jpe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jpeg"/><Relationship Id="rId7" Type="http://schemas.openxmlformats.org/officeDocument/2006/relationships/image" Target="../media/image82.jpeg"/><Relationship Id="rId2" Type="http://schemas.openxmlformats.org/officeDocument/2006/relationships/image" Target="../media/image61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1.jpeg"/><Relationship Id="rId5" Type="http://schemas.openxmlformats.org/officeDocument/2006/relationships/image" Target="../media/image80.jpeg"/><Relationship Id="rId4" Type="http://schemas.openxmlformats.org/officeDocument/2006/relationships/image" Target="../media/image79.jpeg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jpeg"/><Relationship Id="rId2" Type="http://schemas.openxmlformats.org/officeDocument/2006/relationships/image" Target="../media/image61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83.jpe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5.jpeg"/><Relationship Id="rId2" Type="http://schemas.openxmlformats.org/officeDocument/2006/relationships/image" Target="../media/image84.jpe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87.jpeg"/><Relationship Id="rId4" Type="http://schemas.openxmlformats.org/officeDocument/2006/relationships/image" Target="../media/image86.jpeg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9.png"/><Relationship Id="rId2" Type="http://schemas.openxmlformats.org/officeDocument/2006/relationships/image" Target="../media/image88.jpe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90.jpeg"/><Relationship Id="rId1" Type="http://schemas.openxmlformats.org/officeDocument/2006/relationships/slideLayout" Target="../slideLayouts/slideLayout7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jpeg"/><Relationship Id="rId3" Type="http://schemas.openxmlformats.org/officeDocument/2006/relationships/image" Target="../media/image4.jpeg"/><Relationship Id="rId7" Type="http://schemas.openxmlformats.org/officeDocument/2006/relationships/image" Target="../media/image8.jpeg"/><Relationship Id="rId12" Type="http://schemas.openxmlformats.org/officeDocument/2006/relationships/image" Target="../media/image13.jpe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7.jpeg"/><Relationship Id="rId11" Type="http://schemas.openxmlformats.org/officeDocument/2006/relationships/image" Target="../media/image12.jpeg"/><Relationship Id="rId5" Type="http://schemas.openxmlformats.org/officeDocument/2006/relationships/image" Target="../media/image6.jpeg"/><Relationship Id="rId10" Type="http://schemas.openxmlformats.org/officeDocument/2006/relationships/image" Target="../media/image11.jpeg"/><Relationship Id="rId4" Type="http://schemas.openxmlformats.org/officeDocument/2006/relationships/image" Target="../media/image5.jpeg"/><Relationship Id="rId9" Type="http://schemas.openxmlformats.org/officeDocument/2006/relationships/image" Target="../media/image10.jpeg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7" Type="http://schemas.openxmlformats.org/officeDocument/2006/relationships/image" Target="../media/image91.png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7" Type="http://schemas.openxmlformats.org/officeDocument/2006/relationships/image" Target="../media/image18.jpe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7.jpeg"/><Relationship Id="rId5" Type="http://schemas.openxmlformats.org/officeDocument/2006/relationships/image" Target="../media/image16.jpeg"/><Relationship Id="rId4" Type="http://schemas.openxmlformats.org/officeDocument/2006/relationships/image" Target="../media/image15.jpeg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9" name="タイトル 1"/>
          <p:cNvSpPr>
            <a:spLocks noChangeArrowheads="1"/>
          </p:cNvSpPr>
          <p:nvPr/>
        </p:nvSpPr>
        <p:spPr bwMode="auto">
          <a:xfrm>
            <a:off x="107950" y="147638"/>
            <a:ext cx="89281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>
            <a:lvl1pPr eaLnBrk="0" hangingPunct="0">
              <a:spcBef>
                <a:spcPts val="600"/>
              </a:spcBef>
              <a:buClr>
                <a:schemeClr val="accent1"/>
              </a:buClr>
              <a:buSzPct val="76000"/>
              <a:buFont typeface="Wingdings 3" pitchFamily="18" charset="2"/>
              <a:buChar char=""/>
              <a:defRPr kumimoji="1" sz="2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1pPr>
            <a:lvl2pPr marL="742950" indent="-285750" eaLnBrk="0" hangingPunct="0">
              <a:spcBef>
                <a:spcPts val="500"/>
              </a:spcBef>
              <a:buClr>
                <a:schemeClr val="accent2"/>
              </a:buClr>
              <a:buSzPct val="76000"/>
              <a:buFont typeface="Wingdings 3" pitchFamily="18" charset="2"/>
              <a:buChar char=""/>
              <a:defRPr kumimoji="1" sz="2300">
                <a:solidFill>
                  <a:schemeClr val="tx2"/>
                </a:solidFill>
                <a:latin typeface="Gill Sans MT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ts val="500"/>
              </a:spcBef>
              <a:buClr>
                <a:srgbClr val="BCBCBC"/>
              </a:buClr>
              <a:buSzPct val="76000"/>
              <a:buFont typeface="Wingdings 3" pitchFamily="18" charset="2"/>
              <a:buChar char=""/>
              <a:defRPr kumimoji="1" sz="20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ts val="400"/>
              </a:spcBef>
              <a:buClr>
                <a:srgbClr val="8BA2B4"/>
              </a:buClr>
              <a:buSzPct val="70000"/>
              <a:buFont typeface="Wingdings" pitchFamily="2" charset="2"/>
              <a:buChar char=""/>
              <a:defRPr kumimoji="1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ts val="300"/>
              </a:spcBef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ja-JP" altLang="en-US" sz="3200" dirty="0">
                <a:latin typeface="HGP創英角ﾎﾟｯﾌﾟ体" pitchFamily="50" charset="-128"/>
                <a:ea typeface="HGP創英角ﾎﾟｯﾌﾟ体" pitchFamily="50" charset="-128"/>
                <a:cs typeface="Arial" pitchFamily="34" charset="0"/>
              </a:rPr>
              <a:t>インフラメンテナンスと</a:t>
            </a:r>
            <a:r>
              <a:rPr lang="en-US" altLang="ja-JP" sz="3200" dirty="0">
                <a:latin typeface="HGP創英角ﾎﾟｯﾌﾟ体" pitchFamily="50" charset="-128"/>
                <a:ea typeface="HGP創英角ﾎﾟｯﾌﾟ体" pitchFamily="50" charset="-128"/>
                <a:cs typeface="Arial" pitchFamily="34" charset="0"/>
              </a:rPr>
              <a:t>I-CON</a:t>
            </a:r>
            <a:r>
              <a:rPr lang="ja-JP" altLang="en-US" sz="3200" dirty="0">
                <a:latin typeface="HGP創英角ﾎﾟｯﾌﾟ体" pitchFamily="50" charset="-128"/>
                <a:ea typeface="HGP創英角ﾎﾟｯﾌﾟ体" pitchFamily="50" charset="-128"/>
                <a:cs typeface="Arial" pitchFamily="34" charset="0"/>
              </a:rPr>
              <a:t>の活用実務</a:t>
            </a:r>
            <a:endParaRPr lang="en-US" altLang="ja-JP" sz="3200" dirty="0">
              <a:latin typeface="HGP創英角ﾎﾟｯﾌﾟ体" pitchFamily="50" charset="-128"/>
              <a:ea typeface="HGP創英角ﾎﾟｯﾌﾟ体" pitchFamily="50" charset="-128"/>
              <a:cs typeface="Arial" pitchFamily="34" charset="0"/>
            </a:endParaRPr>
          </a:p>
          <a:p>
            <a:pPr algn="ctr"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ja-JP" altLang="en-US" sz="2400" dirty="0">
                <a:latin typeface="HGP創英角ﾎﾟｯﾌﾟ体" pitchFamily="50" charset="-128"/>
                <a:ea typeface="HGP創英角ﾎﾟｯﾌﾟ体" pitchFamily="50" charset="-128"/>
                <a:cs typeface="Arial" pitchFamily="34" charset="0"/>
              </a:rPr>
              <a:t>インフラを守る時代の新技術導入のポイント</a:t>
            </a:r>
            <a:endParaRPr lang="en-US" altLang="ja-JP" sz="2400" dirty="0">
              <a:latin typeface="HGP創英角ﾎﾟｯﾌﾟ体" pitchFamily="50" charset="-128"/>
              <a:ea typeface="HGP創英角ﾎﾟｯﾌﾟ体" pitchFamily="50" charset="-128"/>
              <a:cs typeface="Arial" pitchFamily="34" charset="0"/>
            </a:endParaRPr>
          </a:p>
          <a:p>
            <a:pPr algn="ctr"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ja-JP" altLang="en-US" sz="3200" dirty="0">
                <a:latin typeface="HGP創英角ﾎﾟｯﾌﾟ体" pitchFamily="50" charset="-128"/>
                <a:ea typeface="HGP創英角ﾎﾟｯﾌﾟ体" pitchFamily="50" charset="-128"/>
                <a:cs typeface="Arial" pitchFamily="34" charset="0"/>
              </a:rPr>
              <a:t>　　　　　　</a:t>
            </a:r>
            <a:endParaRPr lang="en-US" altLang="ja-JP" sz="3200" dirty="0">
              <a:latin typeface="HGP創英角ﾎﾟｯﾌﾟ体" pitchFamily="50" charset="-128"/>
              <a:ea typeface="HGP創英角ﾎﾟｯﾌﾟ体" pitchFamily="50" charset="-128"/>
              <a:cs typeface="Arial" pitchFamily="34" charset="0"/>
            </a:endParaRPr>
          </a:p>
          <a:p>
            <a:pPr algn="ctr"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ja-JP" altLang="en-US" sz="2000" dirty="0">
                <a:latin typeface="HGP創英角ﾎﾟｯﾌﾟ体" pitchFamily="50" charset="-128"/>
                <a:ea typeface="HGP創英角ﾎﾟｯﾌﾟ体" pitchFamily="50" charset="-128"/>
                <a:cs typeface="Arial" pitchFamily="34" charset="0"/>
              </a:rPr>
              <a:t>（２０２１．</a:t>
            </a:r>
            <a:r>
              <a:rPr lang="en-US" altLang="ja-JP" sz="2000" dirty="0">
                <a:latin typeface="HGP創英角ﾎﾟｯﾌﾟ体" pitchFamily="50" charset="-128"/>
                <a:ea typeface="HGP創英角ﾎﾟｯﾌﾟ体" pitchFamily="50" charset="-128"/>
                <a:cs typeface="Arial" pitchFamily="34" charset="0"/>
              </a:rPr>
              <a:t>0</a:t>
            </a:r>
            <a:r>
              <a:rPr lang="ja-JP" altLang="en-US" sz="2000">
                <a:latin typeface="HGP創英角ﾎﾟｯﾌﾟ体" pitchFamily="50" charset="-128"/>
                <a:ea typeface="HGP創英角ﾎﾟｯﾌﾟ体" pitchFamily="50" charset="-128"/>
                <a:cs typeface="Arial" pitchFamily="34" charset="0"/>
              </a:rPr>
              <a:t>５．１８　</a:t>
            </a:r>
            <a:r>
              <a:rPr lang="ja-JP" altLang="en-US" sz="2000" dirty="0">
                <a:latin typeface="HGP創英角ﾎﾟｯﾌﾟ体" pitchFamily="50" charset="-128"/>
                <a:ea typeface="HGP創英角ﾎﾟｯﾌﾟ体" pitchFamily="50" charset="-128"/>
                <a:cs typeface="Arial" pitchFamily="34" charset="0"/>
              </a:rPr>
              <a:t>）</a:t>
            </a:r>
            <a:br>
              <a:rPr lang="en-US" altLang="ja-JP" sz="2000" dirty="0">
                <a:latin typeface="HGP創英角ﾎﾟｯﾌﾟ体" pitchFamily="50" charset="-128"/>
                <a:ea typeface="HGP創英角ﾎﾟｯﾌﾟ体" pitchFamily="50" charset="-128"/>
                <a:cs typeface="Arial" pitchFamily="34" charset="0"/>
              </a:rPr>
            </a:br>
            <a:endParaRPr lang="en-US" altLang="ja-JP" sz="2000" dirty="0">
              <a:latin typeface="HGP創英角ﾎﾟｯﾌﾟ体" pitchFamily="50" charset="-128"/>
              <a:ea typeface="HGP創英角ﾎﾟｯﾌﾟ体" pitchFamily="50" charset="-128"/>
              <a:cs typeface="Arial" pitchFamily="34" charset="0"/>
            </a:endParaRPr>
          </a:p>
        </p:txBody>
      </p:sp>
      <p:sp>
        <p:nvSpPr>
          <p:cNvPr id="9220" name="Text Box 5"/>
          <p:cNvSpPr>
            <a:spLocks noChangeArrowheads="1"/>
          </p:cNvSpPr>
          <p:nvPr/>
        </p:nvSpPr>
        <p:spPr bwMode="auto">
          <a:xfrm>
            <a:off x="2051050" y="5880100"/>
            <a:ext cx="6480175" cy="8318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 eaLnBrk="0" hangingPunct="0">
              <a:spcBef>
                <a:spcPts val="600"/>
              </a:spcBef>
              <a:buClr>
                <a:schemeClr val="accent1"/>
              </a:buClr>
              <a:buSzPct val="76000"/>
              <a:buFont typeface="Wingdings 3" pitchFamily="18" charset="2"/>
              <a:buChar char=""/>
              <a:defRPr kumimoji="1" sz="2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1pPr>
            <a:lvl2pPr marL="742950" indent="-285750" eaLnBrk="0" hangingPunct="0">
              <a:spcBef>
                <a:spcPts val="500"/>
              </a:spcBef>
              <a:buClr>
                <a:schemeClr val="accent2"/>
              </a:buClr>
              <a:buSzPct val="76000"/>
              <a:buFont typeface="Wingdings 3" pitchFamily="18" charset="2"/>
              <a:buChar char=""/>
              <a:defRPr kumimoji="1" sz="2300">
                <a:solidFill>
                  <a:schemeClr val="tx2"/>
                </a:solidFill>
                <a:latin typeface="Gill Sans MT" pitchFamily="34" charset="0"/>
                <a:ea typeface="ＭＳ Ｐゴシック" pitchFamily="50" charset="-128"/>
              </a:defRPr>
            </a:lvl2pPr>
            <a:lvl3pPr marL="1143000" indent="-228600" eaLnBrk="0" hangingPunct="0">
              <a:spcBef>
                <a:spcPts val="500"/>
              </a:spcBef>
              <a:buClr>
                <a:srgbClr val="BCBCBC"/>
              </a:buClr>
              <a:buSzPct val="76000"/>
              <a:buFont typeface="Wingdings 3" pitchFamily="18" charset="2"/>
              <a:buChar char=""/>
              <a:defRPr kumimoji="1" sz="20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3pPr>
            <a:lvl4pPr marL="1600200" indent="-228600" eaLnBrk="0" hangingPunct="0">
              <a:spcBef>
                <a:spcPts val="400"/>
              </a:spcBef>
              <a:buClr>
                <a:srgbClr val="8BA2B4"/>
              </a:buClr>
              <a:buSzPct val="70000"/>
              <a:buFont typeface="Wingdings" pitchFamily="2" charset="2"/>
              <a:buChar char=""/>
              <a:defRPr kumimoji="1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4pPr>
            <a:lvl5pPr marL="2057400" indent="-228600" eaLnBrk="0" hangingPunct="0">
              <a:spcBef>
                <a:spcPts val="300"/>
              </a:spcBef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5pPr>
            <a:lvl6pPr marL="2514600" indent="-228600" eaLnBrk="0" fontAlgn="base" hangingPunct="0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6pPr>
            <a:lvl7pPr marL="2971800" indent="-228600" eaLnBrk="0" fontAlgn="base" hangingPunct="0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7pPr>
            <a:lvl8pPr marL="3429000" indent="-228600" eaLnBrk="0" fontAlgn="base" hangingPunct="0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8pPr>
            <a:lvl9pPr marL="3886200" indent="-228600" eaLnBrk="0" fontAlgn="base" hangingPunct="0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ja-JP" altLang="en-US" sz="2400" b="1" dirty="0">
                <a:latin typeface="HGS創英角ﾎﾟｯﾌﾟ体" pitchFamily="50" charset="-128"/>
                <a:ea typeface="HGS創英角ﾎﾟｯﾌﾟ体" pitchFamily="50" charset="-128"/>
                <a:cs typeface="Arial" pitchFamily="34" charset="0"/>
              </a:rPr>
              <a:t>　　　　　　　　</a:t>
            </a:r>
            <a:r>
              <a:rPr lang="ja-JP" altLang="en-US" sz="2400" b="1" dirty="0">
                <a:latin typeface="富士ポップＰ"/>
                <a:ea typeface="富士ポップＰ"/>
                <a:cs typeface="Arial" pitchFamily="34" charset="0"/>
              </a:rPr>
              <a:t>富山市　政策参与　　　　　　</a:t>
            </a:r>
          </a:p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ja-JP" altLang="en-US" sz="2400" b="1" dirty="0">
                <a:latin typeface="富士ポップＰ"/>
                <a:ea typeface="富士ポップＰ"/>
                <a:cs typeface="Arial" pitchFamily="34" charset="0"/>
              </a:rPr>
              <a:t>　　　　　　　　　　　　　　植野　芳彦　</a:t>
            </a:r>
          </a:p>
        </p:txBody>
      </p:sp>
      <p:pic>
        <p:nvPicPr>
          <p:cNvPr id="9221" name="Picture 1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63938" y="6022975"/>
            <a:ext cx="549275" cy="546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2">
            <a:extLst>
              <a:ext uri="{FF2B5EF4-FFF2-40B4-BE49-F238E27FC236}">
                <a16:creationId xmlns:a16="http://schemas.microsoft.com/office/drawing/2014/main" id="{0DFE2313-84FF-42C5-8FD2-989DCCF1627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" t="16476" r="-15" b="8540"/>
          <a:stretch>
            <a:fillRect/>
          </a:stretch>
        </p:blipFill>
        <p:spPr bwMode="auto">
          <a:xfrm>
            <a:off x="38259" y="1232926"/>
            <a:ext cx="9067481" cy="450429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415352116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8B6FED14-4693-403D-9D14-3CB50F7C87C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5A2C38-BF5A-4117-A3B3-4E986D472ED9}" type="slidenum">
              <a:rPr kumimoji="1" lang="ja-JP" altLang="en-US" smtClean="0"/>
              <a:t>10</a:t>
            </a:fld>
            <a:endParaRPr kumimoji="1" lang="ja-JP" altLang="en-US" dirty="0"/>
          </a:p>
        </p:txBody>
      </p:sp>
      <p:pic>
        <p:nvPicPr>
          <p:cNvPr id="3" name="図 2">
            <a:extLst>
              <a:ext uri="{FF2B5EF4-FFF2-40B4-BE49-F238E27FC236}">
                <a16:creationId xmlns:a16="http://schemas.microsoft.com/office/drawing/2014/main" id="{5E467232-DD83-46C8-90A3-9A783BFEEA9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4515" y="14114"/>
            <a:ext cx="6096528" cy="3432345"/>
          </a:xfrm>
          <a:prstGeom prst="rect">
            <a:avLst/>
          </a:prstGeom>
        </p:spPr>
      </p:pic>
      <p:pic>
        <p:nvPicPr>
          <p:cNvPr id="4" name="図 3">
            <a:extLst>
              <a:ext uri="{FF2B5EF4-FFF2-40B4-BE49-F238E27FC236}">
                <a16:creationId xmlns:a16="http://schemas.microsoft.com/office/drawing/2014/main" id="{C7B962AD-6642-43FE-AC7D-E37CAA9A34EC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779912" y="3794986"/>
            <a:ext cx="5232432" cy="2945859"/>
          </a:xfrm>
          <a:prstGeom prst="rect">
            <a:avLst/>
          </a:prstGeom>
        </p:spPr>
      </p:pic>
      <p:sp>
        <p:nvSpPr>
          <p:cNvPr id="5" name="テキスト ボックス 4">
            <a:extLst>
              <a:ext uri="{FF2B5EF4-FFF2-40B4-BE49-F238E27FC236}">
                <a16:creationId xmlns:a16="http://schemas.microsoft.com/office/drawing/2014/main" id="{071E315B-38D4-4418-AC8B-53083BDE64E0}"/>
              </a:ext>
            </a:extLst>
          </p:cNvPr>
          <p:cNvSpPr txBox="1"/>
          <p:nvPr/>
        </p:nvSpPr>
        <p:spPr>
          <a:xfrm>
            <a:off x="131656" y="3347142"/>
            <a:ext cx="3647152" cy="424731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b="1" dirty="0"/>
              <a:t>もはや、理解してもら</a:t>
            </a:r>
            <a:endParaRPr lang="en-US" altLang="ja-JP" b="1" dirty="0"/>
          </a:p>
          <a:p>
            <a:r>
              <a:rPr lang="ja-JP" altLang="en-US" b="1" dirty="0"/>
              <a:t>うかではなく、</a:t>
            </a:r>
            <a:endParaRPr lang="en-US" altLang="ja-JP" b="1" dirty="0"/>
          </a:p>
          <a:p>
            <a:r>
              <a:rPr kumimoji="1" lang="ja-JP" altLang="en-US" b="1" dirty="0"/>
              <a:t>どう、納得してもらうか？</a:t>
            </a:r>
            <a:endParaRPr lang="en-US" altLang="ja-JP" b="1" dirty="0"/>
          </a:p>
          <a:p>
            <a:endParaRPr lang="en-US" altLang="ja-JP" b="1" dirty="0"/>
          </a:p>
          <a:p>
            <a:r>
              <a:rPr lang="ja-JP" altLang="en-US" b="1" dirty="0"/>
              <a:t>「協働」「説明責任」とは</a:t>
            </a:r>
            <a:endParaRPr lang="en-US" altLang="ja-JP" b="1" dirty="0"/>
          </a:p>
          <a:p>
            <a:r>
              <a:rPr lang="ja-JP" altLang="en-US" b="1" dirty="0"/>
              <a:t>　言われるが？</a:t>
            </a:r>
            <a:endParaRPr lang="en-US" altLang="ja-JP" b="1" dirty="0"/>
          </a:p>
          <a:p>
            <a:endParaRPr lang="en-US" altLang="ja-JP" b="1" dirty="0"/>
          </a:p>
          <a:p>
            <a:r>
              <a:rPr lang="ja-JP" altLang="en-US" b="1" dirty="0"/>
              <a:t>　客観性</a:t>
            </a:r>
            <a:endParaRPr lang="en-US" altLang="ja-JP" b="1" dirty="0"/>
          </a:p>
          <a:p>
            <a:endParaRPr lang="en-US" altLang="ja-JP" b="1" dirty="0"/>
          </a:p>
          <a:p>
            <a:r>
              <a:rPr lang="ja-JP" altLang="en-US" b="1" dirty="0"/>
              <a:t>第三者による</a:t>
            </a:r>
            <a:endParaRPr lang="en-US" altLang="ja-JP" b="1" dirty="0"/>
          </a:p>
          <a:p>
            <a:r>
              <a:rPr lang="ja-JP" altLang="en-US" b="1" dirty="0"/>
              <a:t>「トリアージ・カンファレンス」</a:t>
            </a:r>
            <a:endParaRPr lang="en-US" altLang="ja-JP" b="1" dirty="0"/>
          </a:p>
          <a:p>
            <a:r>
              <a:rPr lang="ja-JP" altLang="en-US" b="1" dirty="0"/>
              <a:t>会議での審議</a:t>
            </a:r>
            <a:endParaRPr lang="en-US" altLang="ja-JP" b="1" dirty="0"/>
          </a:p>
          <a:p>
            <a:endParaRPr lang="en-US" altLang="ja-JP" b="1" dirty="0"/>
          </a:p>
          <a:p>
            <a:endParaRPr kumimoji="1" lang="en-US" altLang="ja-JP" b="1" dirty="0"/>
          </a:p>
          <a:p>
            <a:endParaRPr kumimoji="1" lang="ja-JP" altLang="en-US" b="1" dirty="0"/>
          </a:p>
        </p:txBody>
      </p:sp>
      <p:sp>
        <p:nvSpPr>
          <p:cNvPr id="7" name="テキスト ボックス 6">
            <a:extLst>
              <a:ext uri="{FF2B5EF4-FFF2-40B4-BE49-F238E27FC236}">
                <a16:creationId xmlns:a16="http://schemas.microsoft.com/office/drawing/2014/main" id="{0B007122-EC92-4637-82BA-7F901968FCCA}"/>
              </a:ext>
            </a:extLst>
          </p:cNvPr>
          <p:cNvSpPr txBox="1"/>
          <p:nvPr/>
        </p:nvSpPr>
        <p:spPr>
          <a:xfrm>
            <a:off x="6228184" y="548680"/>
            <a:ext cx="2929633" cy="230832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kumimoji="1" lang="ja-JP" altLang="en-US" b="1" dirty="0"/>
              <a:t>橋梁トリアージ　を</a:t>
            </a:r>
            <a:endParaRPr kumimoji="1" lang="en-US" altLang="ja-JP" b="1" dirty="0"/>
          </a:p>
          <a:p>
            <a:r>
              <a:rPr kumimoji="1" lang="ja-JP" altLang="en-US" b="1" dirty="0"/>
              <a:t>推奨したが、理解は？？</a:t>
            </a:r>
            <a:endParaRPr kumimoji="1" lang="en-US" altLang="ja-JP" b="1" dirty="0"/>
          </a:p>
          <a:p>
            <a:endParaRPr lang="en-US" altLang="ja-JP" b="1" dirty="0"/>
          </a:p>
          <a:p>
            <a:r>
              <a:rPr kumimoji="1" lang="ja-JP" altLang="en-US" b="1" dirty="0"/>
              <a:t>すべてを守ることは、</a:t>
            </a:r>
            <a:endParaRPr kumimoji="1" lang="en-US" altLang="ja-JP" b="1" dirty="0"/>
          </a:p>
          <a:p>
            <a:r>
              <a:rPr kumimoji="1" lang="ja-JP" altLang="en-US" b="1" dirty="0"/>
              <a:t>もはや、できない！</a:t>
            </a:r>
            <a:endParaRPr kumimoji="1" lang="en-US" altLang="ja-JP" b="1" dirty="0"/>
          </a:p>
          <a:p>
            <a:r>
              <a:rPr lang="ja-JP" altLang="en-US" b="1" dirty="0"/>
              <a:t>という事実！</a:t>
            </a:r>
            <a:endParaRPr kumimoji="1" lang="en-US" altLang="ja-JP" b="1" dirty="0"/>
          </a:p>
          <a:p>
            <a:endParaRPr lang="en-US" altLang="ja-JP" b="1" dirty="0"/>
          </a:p>
          <a:p>
            <a:r>
              <a:rPr kumimoji="1" lang="ja-JP" altLang="en-US" b="1" dirty="0"/>
              <a:t>選択と集中するしかない。</a:t>
            </a:r>
            <a:endParaRPr kumimoji="1" lang="en-US" altLang="ja-JP" b="1" dirty="0"/>
          </a:p>
        </p:txBody>
      </p:sp>
      <p:sp>
        <p:nvSpPr>
          <p:cNvPr id="8" name="矢印: 下 7">
            <a:extLst>
              <a:ext uri="{FF2B5EF4-FFF2-40B4-BE49-F238E27FC236}">
                <a16:creationId xmlns:a16="http://schemas.microsoft.com/office/drawing/2014/main" id="{0988B3EC-FAEB-40B6-A9A9-F6BE5944A82B}"/>
              </a:ext>
            </a:extLst>
          </p:cNvPr>
          <p:cNvSpPr/>
          <p:nvPr/>
        </p:nvSpPr>
        <p:spPr>
          <a:xfrm>
            <a:off x="899592" y="4221088"/>
            <a:ext cx="1152128" cy="216024"/>
          </a:xfrm>
          <a:prstGeom prst="downArrow">
            <a:avLst>
              <a:gd name="adj1" fmla="val 60788"/>
              <a:gd name="adj2" fmla="val 50000"/>
            </a:avLst>
          </a:prstGeom>
          <a:solidFill>
            <a:schemeClr val="accent6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9" name="矢印: 下 8">
            <a:extLst>
              <a:ext uri="{FF2B5EF4-FFF2-40B4-BE49-F238E27FC236}">
                <a16:creationId xmlns:a16="http://schemas.microsoft.com/office/drawing/2014/main" id="{EEC505E9-E982-4CFD-B82E-EAA0179A812F}"/>
              </a:ext>
            </a:extLst>
          </p:cNvPr>
          <p:cNvSpPr/>
          <p:nvPr/>
        </p:nvSpPr>
        <p:spPr>
          <a:xfrm>
            <a:off x="910432" y="5135967"/>
            <a:ext cx="1152128" cy="216024"/>
          </a:xfrm>
          <a:prstGeom prst="downArrow">
            <a:avLst>
              <a:gd name="adj1" fmla="val 60788"/>
              <a:gd name="adj2" fmla="val 50000"/>
            </a:avLst>
          </a:prstGeom>
          <a:solidFill>
            <a:schemeClr val="accent6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0" name="矢印: 下 9">
            <a:extLst>
              <a:ext uri="{FF2B5EF4-FFF2-40B4-BE49-F238E27FC236}">
                <a16:creationId xmlns:a16="http://schemas.microsoft.com/office/drawing/2014/main" id="{BB58ADC3-92F2-4540-AE93-D71BFA883501}"/>
              </a:ext>
            </a:extLst>
          </p:cNvPr>
          <p:cNvSpPr/>
          <p:nvPr/>
        </p:nvSpPr>
        <p:spPr>
          <a:xfrm>
            <a:off x="899592" y="5598808"/>
            <a:ext cx="1152128" cy="216024"/>
          </a:xfrm>
          <a:prstGeom prst="downArrow">
            <a:avLst>
              <a:gd name="adj1" fmla="val 60788"/>
              <a:gd name="adj2" fmla="val 50000"/>
            </a:avLst>
          </a:prstGeom>
          <a:solidFill>
            <a:schemeClr val="accent6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01708207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54C2600A-EDFC-45BC-B651-E21925D1631C}"/>
              </a:ext>
            </a:extLst>
          </p:cNvPr>
          <p:cNvSpPr txBox="1"/>
          <p:nvPr/>
        </p:nvSpPr>
        <p:spPr>
          <a:xfrm>
            <a:off x="508083" y="1988840"/>
            <a:ext cx="8604448" cy="452431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endParaRPr lang="en-US" altLang="ja-JP" dirty="0"/>
          </a:p>
          <a:p>
            <a:endParaRPr lang="en-US" altLang="ja-JP" dirty="0"/>
          </a:p>
          <a:p>
            <a:endParaRPr lang="en-US" altLang="ja-JP" dirty="0"/>
          </a:p>
          <a:p>
            <a:endParaRPr lang="en-US" altLang="ja-JP" dirty="0"/>
          </a:p>
          <a:p>
            <a:r>
              <a:rPr lang="ja-JP" altLang="en-US" dirty="0"/>
              <a:t>〇　　新技術導入促進ワーキンググループ 　委員名簿</a:t>
            </a:r>
            <a:endParaRPr lang="en-US" altLang="ja-JP" dirty="0"/>
          </a:p>
          <a:p>
            <a:r>
              <a:rPr lang="ja-JP" altLang="en-US" dirty="0"/>
              <a:t> </a:t>
            </a:r>
            <a:endParaRPr lang="en-US" altLang="ja-JP" dirty="0"/>
          </a:p>
          <a:p>
            <a:r>
              <a:rPr lang="ja-JP" altLang="en-US" dirty="0"/>
              <a:t>座長 梶浦  敏  範 </a:t>
            </a:r>
            <a:r>
              <a:rPr lang="ja-JP" altLang="en-US" sz="1600" dirty="0"/>
              <a:t>（一社）日本経済団体連合会 デジタルエコノミー推進委員会 企画　　</a:t>
            </a:r>
            <a:endParaRPr lang="en-US" altLang="ja-JP" sz="1600" dirty="0"/>
          </a:p>
          <a:p>
            <a:r>
              <a:rPr lang="ja-JP" altLang="en-US" sz="1600" dirty="0"/>
              <a:t>　　　　　　　　　　　部会長代行 </a:t>
            </a:r>
            <a:endParaRPr lang="en-US" altLang="ja-JP" sz="1600" dirty="0"/>
          </a:p>
          <a:p>
            <a:r>
              <a:rPr lang="ja-JP" altLang="en-US" dirty="0"/>
              <a:t>委員 池田 真理子　 </a:t>
            </a:r>
            <a:r>
              <a:rPr lang="ja-JP" altLang="en-US" sz="1600" dirty="0"/>
              <a:t>鹿島建設株式会社土木管理本部土木技術部リニューアル グ</a:t>
            </a:r>
            <a:endParaRPr lang="en-US" altLang="ja-JP" sz="1600" dirty="0"/>
          </a:p>
          <a:p>
            <a:r>
              <a:rPr lang="ja-JP" altLang="en-US" sz="1600" dirty="0"/>
              <a:t>　　　　　　　　　　　　　ループ 次長</a:t>
            </a:r>
            <a:endParaRPr lang="en-US" altLang="ja-JP" sz="1600" dirty="0"/>
          </a:p>
          <a:p>
            <a:r>
              <a:rPr lang="ja-JP" altLang="en-US" dirty="0"/>
              <a:t>　　　 伊勢  勝巳 　　</a:t>
            </a:r>
            <a:r>
              <a:rPr lang="ja-JP" altLang="en-US" sz="1600" dirty="0"/>
              <a:t>東日本旅客鉄道株式会社 常務執行役員</a:t>
            </a:r>
            <a:endParaRPr lang="en-US" altLang="ja-JP" sz="1600" dirty="0"/>
          </a:p>
          <a:p>
            <a:r>
              <a:rPr lang="ja-JP" altLang="en-US" dirty="0"/>
              <a:t>　　　 岩佐  宏一  　　</a:t>
            </a:r>
            <a:r>
              <a:rPr lang="ja-JP" altLang="en-US" sz="1600" dirty="0"/>
              <a:t>公益社団法人日本ファシリティマネジメント協会 調査研究委員</a:t>
            </a:r>
            <a:endParaRPr lang="en-US" altLang="ja-JP" sz="1600" dirty="0"/>
          </a:p>
          <a:p>
            <a:r>
              <a:rPr lang="ja-JP" altLang="en-US" sz="1600" dirty="0"/>
              <a:t>　　　　　　　　　　　　　会 インフラマネジメント研究部会 副部会長 </a:t>
            </a:r>
            <a:endParaRPr lang="en-US" altLang="ja-JP" sz="1600" dirty="0"/>
          </a:p>
          <a:p>
            <a:r>
              <a:rPr lang="ja-JP" altLang="en-US" dirty="0"/>
              <a:t>　　　塚本 恵　 　　　　</a:t>
            </a:r>
            <a:r>
              <a:rPr lang="ja-JP" altLang="en-US" sz="1600" dirty="0"/>
              <a:t>キャタピラージャパン合同会社 代表執行役員 </a:t>
            </a:r>
            <a:endParaRPr lang="en-US" altLang="ja-JP" sz="1600" dirty="0"/>
          </a:p>
          <a:p>
            <a:r>
              <a:rPr lang="ja-JP" altLang="en-US" dirty="0"/>
              <a:t>オブザーバー 　植野  芳彦 　 </a:t>
            </a:r>
            <a:r>
              <a:rPr lang="ja-JP" altLang="en-US" sz="1600" dirty="0"/>
              <a:t>富山市 政策参与 </a:t>
            </a:r>
            <a:endParaRPr lang="en-US" altLang="ja-JP" sz="1600" dirty="0"/>
          </a:p>
          <a:p>
            <a:r>
              <a:rPr lang="ja-JP" altLang="en-US" dirty="0"/>
              <a:t>　　　　　　　　　　　　　　　　　　　　　　　　　　　　　　　　　　　　　　　（五十音順、敬称略）</a:t>
            </a:r>
          </a:p>
        </p:txBody>
      </p:sp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C9665207-4C7D-41C9-B795-AD7F69C1F43E}"/>
              </a:ext>
            </a:extLst>
          </p:cNvPr>
          <p:cNvSpPr txBox="1"/>
          <p:nvPr/>
        </p:nvSpPr>
        <p:spPr>
          <a:xfrm>
            <a:off x="539552" y="188640"/>
            <a:ext cx="7992888" cy="2585323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ja-JP" altLang="en-US" dirty="0"/>
              <a:t>新技術導入関係　社会資本整備審議会・交通政策審議会技術分科会技術部会 </a:t>
            </a:r>
            <a:endParaRPr lang="en-US" altLang="ja-JP" dirty="0"/>
          </a:p>
          <a:p>
            <a:r>
              <a:rPr lang="ja-JP" altLang="en-US" dirty="0"/>
              <a:t>　　社会資本メンテナンス戦略小委員会 </a:t>
            </a:r>
            <a:endParaRPr lang="en-US" altLang="ja-JP" dirty="0"/>
          </a:p>
          <a:p>
            <a:endParaRPr lang="en-US" altLang="ja-JP" dirty="0"/>
          </a:p>
          <a:p>
            <a:r>
              <a:rPr lang="ja-JP" altLang="en-US" dirty="0"/>
              <a:t>〇インフラメンテナンス新技術・体制等導入推進委員会　 委員名簿</a:t>
            </a:r>
            <a:endParaRPr lang="en-US" altLang="ja-JP" dirty="0"/>
          </a:p>
          <a:p>
            <a:endParaRPr lang="en-US" altLang="ja-JP" dirty="0"/>
          </a:p>
          <a:p>
            <a:r>
              <a:rPr lang="ja-JP" altLang="en-US" dirty="0"/>
              <a:t> 　委員長　岩波  光 保　</a:t>
            </a:r>
            <a:r>
              <a:rPr lang="ja-JP" altLang="en-US" sz="1600" dirty="0"/>
              <a:t>東京工業大学 環境・社会理工学院 教授 </a:t>
            </a:r>
            <a:endParaRPr lang="en-US" altLang="ja-JP" sz="1600" dirty="0"/>
          </a:p>
          <a:p>
            <a:r>
              <a:rPr lang="ja-JP" altLang="en-US" dirty="0"/>
              <a:t>  　委員　　植野  芳彦　</a:t>
            </a:r>
            <a:r>
              <a:rPr lang="ja-JP" altLang="en-US" sz="1600" dirty="0"/>
              <a:t>富山市 政策参与 </a:t>
            </a:r>
            <a:endParaRPr lang="en-US" altLang="ja-JP" sz="1600" dirty="0"/>
          </a:p>
          <a:p>
            <a:r>
              <a:rPr lang="ja-JP" altLang="en-US" dirty="0"/>
              <a:t> 　　　　　　木村  嘉  富　</a:t>
            </a:r>
            <a:r>
              <a:rPr lang="ja-JP" altLang="en-US" sz="1600" dirty="0"/>
              <a:t>国土技術政策総合研究所 道路構造物研究部 部長 　</a:t>
            </a:r>
            <a:endParaRPr lang="en-US" altLang="ja-JP" sz="1600" dirty="0"/>
          </a:p>
          <a:p>
            <a:r>
              <a:rPr lang="ja-JP" altLang="en-US" dirty="0"/>
              <a:t> 　　　　　　吉田  典 明 　</a:t>
            </a:r>
            <a:r>
              <a:rPr lang="ja-JP" altLang="en-US" sz="1600" dirty="0"/>
              <a:t>インフラメンテナンス国民会議 実行委員・企画部会幹事</a:t>
            </a:r>
          </a:p>
        </p:txBody>
      </p:sp>
    </p:spTree>
    <p:extLst>
      <p:ext uri="{BB962C8B-B14F-4D97-AF65-F5344CB8AC3E}">
        <p14:creationId xmlns:p14="http://schemas.microsoft.com/office/powerpoint/2010/main" val="3330519855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>
            <a:extLst>
              <a:ext uri="{FF2B5EF4-FFF2-40B4-BE49-F238E27FC236}">
                <a16:creationId xmlns:a16="http://schemas.microsoft.com/office/drawing/2014/main" id="{C47ADDA6-178A-46E7-B16B-83087015DD3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188640"/>
            <a:ext cx="8229600" cy="1143000"/>
          </a:xfrm>
        </p:spPr>
        <p:txBody>
          <a:bodyPr>
            <a:normAutofit/>
          </a:bodyPr>
          <a:lstStyle/>
          <a:p>
            <a:r>
              <a:rPr kumimoji="1" lang="ja-JP" altLang="en-US" sz="3200" dirty="0"/>
              <a:t>インフラメンテナンスで国の考える方策</a:t>
            </a: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349E4B88-5227-4313-8C16-6B13A64F82E0}"/>
              </a:ext>
            </a:extLst>
          </p:cNvPr>
          <p:cNvSpPr txBox="1"/>
          <p:nvPr/>
        </p:nvSpPr>
        <p:spPr>
          <a:xfrm>
            <a:off x="611560" y="1331640"/>
            <a:ext cx="7019870" cy="452431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3200" dirty="0"/>
              <a:t>１．民間活力の導入</a:t>
            </a:r>
            <a:endParaRPr kumimoji="1" lang="en-US" altLang="ja-JP" sz="3200" dirty="0"/>
          </a:p>
          <a:p>
            <a:r>
              <a:rPr lang="ja-JP" altLang="en-US" sz="3200" dirty="0"/>
              <a:t>　　</a:t>
            </a:r>
            <a:r>
              <a:rPr lang="en-US" altLang="ja-JP" sz="3200" dirty="0"/>
              <a:t>PPP/PFI</a:t>
            </a:r>
            <a:r>
              <a:rPr lang="ja-JP" altLang="en-US" sz="3200" dirty="0"/>
              <a:t>、包括管理</a:t>
            </a:r>
            <a:endParaRPr lang="en-US" altLang="ja-JP" sz="3200" dirty="0"/>
          </a:p>
          <a:p>
            <a:r>
              <a:rPr kumimoji="1" lang="ja-JP" altLang="en-US" sz="3200" dirty="0"/>
              <a:t>　　⇒民間の資金、技術力、事業効率性</a:t>
            </a:r>
            <a:endParaRPr kumimoji="1" lang="en-US" altLang="ja-JP" sz="3200" dirty="0"/>
          </a:p>
          <a:p>
            <a:r>
              <a:rPr lang="ja-JP" altLang="en-US" sz="3200" dirty="0"/>
              <a:t>２．新技術新工法の導入</a:t>
            </a:r>
            <a:endParaRPr lang="en-US" altLang="ja-JP" sz="3200" dirty="0"/>
          </a:p>
          <a:p>
            <a:r>
              <a:rPr lang="ja-JP" altLang="en-US" sz="3200" dirty="0"/>
              <a:t>　　新技術導入による効率化</a:t>
            </a:r>
            <a:endParaRPr lang="en-US" altLang="ja-JP" sz="3200" dirty="0"/>
          </a:p>
          <a:p>
            <a:r>
              <a:rPr kumimoji="1" lang="ja-JP" altLang="en-US" sz="3200" dirty="0"/>
              <a:t>３．人材の派遣</a:t>
            </a:r>
            <a:endParaRPr kumimoji="1" lang="en-US" altLang="ja-JP" sz="3200" dirty="0"/>
          </a:p>
          <a:p>
            <a:r>
              <a:rPr lang="ja-JP" altLang="en-US" sz="3200" dirty="0"/>
              <a:t>　　専門家の自治体への派遣</a:t>
            </a:r>
            <a:endParaRPr lang="en-US" altLang="ja-JP" sz="3200" dirty="0"/>
          </a:p>
          <a:p>
            <a:r>
              <a:rPr kumimoji="1" lang="ja-JP" altLang="en-US" sz="3200" dirty="0"/>
              <a:t>　　　</a:t>
            </a:r>
            <a:endParaRPr kumimoji="1" lang="en-US" altLang="ja-JP" sz="3200" dirty="0"/>
          </a:p>
          <a:p>
            <a:r>
              <a:rPr lang="ja-JP" altLang="en-US" sz="3200" dirty="0"/>
              <a:t>これの「横展開」は？</a:t>
            </a:r>
            <a:endParaRPr kumimoji="1" lang="ja-JP" altLang="en-US" sz="3200" dirty="0"/>
          </a:p>
        </p:txBody>
      </p:sp>
    </p:spTree>
    <p:extLst>
      <p:ext uri="{BB962C8B-B14F-4D97-AF65-F5344CB8AC3E}">
        <p14:creationId xmlns:p14="http://schemas.microsoft.com/office/powerpoint/2010/main" val="3732602047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グラフ 1">
            <a:extLst>
              <a:ext uri="{FF2B5EF4-FFF2-40B4-BE49-F238E27FC236}">
                <a16:creationId xmlns:a16="http://schemas.microsoft.com/office/drawing/2014/main" id="{6E089910-E741-4754-B2B2-69274BD754DD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028524731"/>
              </p:ext>
            </p:extLst>
          </p:nvPr>
        </p:nvGraphicFramePr>
        <p:xfrm>
          <a:off x="-108520" y="18091"/>
          <a:ext cx="9001000" cy="6858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3" name="表 2">
            <a:extLst>
              <a:ext uri="{FF2B5EF4-FFF2-40B4-BE49-F238E27FC236}">
                <a16:creationId xmlns:a16="http://schemas.microsoft.com/office/drawing/2014/main" id="{B81D116D-50EB-47BD-A06F-E48B3328C2B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17513050"/>
              </p:ext>
            </p:extLst>
          </p:nvPr>
        </p:nvGraphicFramePr>
        <p:xfrm>
          <a:off x="6804248" y="620688"/>
          <a:ext cx="1512168" cy="3132348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693077">
                  <a:extLst>
                    <a:ext uri="{9D8B030D-6E8A-4147-A177-3AD203B41FA5}">
                      <a16:colId xmlns:a16="http://schemas.microsoft.com/office/drawing/2014/main" val="424522600"/>
                    </a:ext>
                  </a:extLst>
                </a:gridCol>
                <a:gridCol w="819091">
                  <a:extLst>
                    <a:ext uri="{9D8B030D-6E8A-4147-A177-3AD203B41FA5}">
                      <a16:colId xmlns:a16="http://schemas.microsoft.com/office/drawing/2014/main" val="323731063"/>
                    </a:ext>
                  </a:extLst>
                </a:gridCol>
              </a:tblGrid>
              <a:tr h="378042">
                <a:tc>
                  <a:txBody>
                    <a:bodyPr/>
                    <a:lstStyle/>
                    <a:p>
                      <a:pPr algn="l" fontAlgn="ctr"/>
                      <a:r>
                        <a:rPr lang="ja-JP" altLang="en-US" sz="1100" u="none" strike="noStrike" dirty="0">
                          <a:effectLst/>
                        </a:rPr>
                        <a:t>項目</a:t>
                      </a:r>
                      <a:endParaRPr lang="ja-JP" alt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100" u="none" strike="noStrike">
                          <a:effectLst/>
                        </a:rPr>
                        <a:t>金額（億円）</a:t>
                      </a:r>
                      <a:endParaRPr lang="zh-TW" altLang="en-US" sz="1100" b="0" i="0" u="none" strike="noStrike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extLst>
                  <a:ext uri="{0D108BD9-81ED-4DB2-BD59-A6C34878D82A}">
                    <a16:rowId xmlns:a16="http://schemas.microsoft.com/office/drawing/2014/main" val="78119528"/>
                  </a:ext>
                </a:extLst>
              </a:tr>
              <a:tr h="378042">
                <a:tc>
                  <a:txBody>
                    <a:bodyPr/>
                    <a:lstStyle/>
                    <a:p>
                      <a:pPr algn="l" fontAlgn="ctr"/>
                      <a:r>
                        <a:rPr lang="ja-JP" altLang="en-US" sz="1100" u="none" strike="noStrike" dirty="0">
                          <a:effectLst/>
                        </a:rPr>
                        <a:t>民生費</a:t>
                      </a:r>
                      <a:endParaRPr lang="ja-JP" alt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US" altLang="ja-JP" sz="1100" u="none" strike="noStrike">
                          <a:effectLst/>
                        </a:rPr>
                        <a:t>591</a:t>
                      </a:r>
                      <a:endParaRPr lang="en-US" altLang="ja-JP" sz="1100" b="0" i="0" u="none" strike="noStrike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extLst>
                  <a:ext uri="{0D108BD9-81ED-4DB2-BD59-A6C34878D82A}">
                    <a16:rowId xmlns:a16="http://schemas.microsoft.com/office/drawing/2014/main" val="1823355150"/>
                  </a:ext>
                </a:extLst>
              </a:tr>
              <a:tr h="378042">
                <a:tc>
                  <a:txBody>
                    <a:bodyPr/>
                    <a:lstStyle/>
                    <a:p>
                      <a:pPr algn="l" fontAlgn="ctr"/>
                      <a:r>
                        <a:rPr lang="ja-JP" altLang="en-US" sz="1100" u="none" strike="noStrike" dirty="0">
                          <a:effectLst/>
                        </a:rPr>
                        <a:t>土木費</a:t>
                      </a:r>
                      <a:endParaRPr lang="ja-JP" alt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US" altLang="ja-JP" sz="1100" u="none" strike="noStrike">
                          <a:effectLst/>
                        </a:rPr>
                        <a:t>256</a:t>
                      </a:r>
                      <a:endParaRPr lang="en-US" altLang="ja-JP" sz="1100" b="0" i="0" u="none" strike="noStrike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extLst>
                  <a:ext uri="{0D108BD9-81ED-4DB2-BD59-A6C34878D82A}">
                    <a16:rowId xmlns:a16="http://schemas.microsoft.com/office/drawing/2014/main" val="2546120923"/>
                  </a:ext>
                </a:extLst>
              </a:tr>
              <a:tr h="378042">
                <a:tc>
                  <a:txBody>
                    <a:bodyPr/>
                    <a:lstStyle/>
                    <a:p>
                      <a:pPr algn="l" fontAlgn="ctr"/>
                      <a:r>
                        <a:rPr lang="ja-JP" altLang="en-US" sz="1100" u="none" strike="noStrike">
                          <a:effectLst/>
                        </a:rPr>
                        <a:t>公債費</a:t>
                      </a:r>
                      <a:endParaRPr lang="ja-JP" altLang="en-US" sz="1100" b="0" i="0" u="none" strike="noStrike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US" altLang="ja-JP" sz="1100" u="none" strike="noStrike">
                          <a:effectLst/>
                        </a:rPr>
                        <a:t>220</a:t>
                      </a:r>
                      <a:endParaRPr lang="en-US" altLang="ja-JP" sz="1100" b="0" i="0" u="none" strike="noStrike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extLst>
                  <a:ext uri="{0D108BD9-81ED-4DB2-BD59-A6C34878D82A}">
                    <a16:rowId xmlns:a16="http://schemas.microsoft.com/office/drawing/2014/main" val="2514652943"/>
                  </a:ext>
                </a:extLst>
              </a:tr>
              <a:tr h="378042">
                <a:tc>
                  <a:txBody>
                    <a:bodyPr/>
                    <a:lstStyle/>
                    <a:p>
                      <a:pPr algn="l" fontAlgn="ctr"/>
                      <a:r>
                        <a:rPr lang="ja-JP" altLang="en-US" sz="1100" u="none" strike="noStrike">
                          <a:effectLst/>
                        </a:rPr>
                        <a:t>総務費</a:t>
                      </a:r>
                      <a:endParaRPr lang="ja-JP" altLang="en-US" sz="1100" b="0" i="0" u="none" strike="noStrike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US" altLang="ja-JP" sz="1100" u="none" strike="noStrike">
                          <a:effectLst/>
                        </a:rPr>
                        <a:t>178</a:t>
                      </a:r>
                      <a:endParaRPr lang="en-US" altLang="ja-JP" sz="1100" b="0" i="0" u="none" strike="noStrike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extLst>
                  <a:ext uri="{0D108BD9-81ED-4DB2-BD59-A6C34878D82A}">
                    <a16:rowId xmlns:a16="http://schemas.microsoft.com/office/drawing/2014/main" val="1476720182"/>
                  </a:ext>
                </a:extLst>
              </a:tr>
              <a:tr h="486054">
                <a:tc>
                  <a:txBody>
                    <a:bodyPr/>
                    <a:lstStyle/>
                    <a:p>
                      <a:pPr algn="l" fontAlgn="ctr"/>
                      <a:r>
                        <a:rPr lang="ja-JP" altLang="en-US" sz="1100" u="none" strike="noStrike">
                          <a:effectLst/>
                        </a:rPr>
                        <a:t>教育費</a:t>
                      </a:r>
                      <a:endParaRPr lang="ja-JP" altLang="en-US" sz="1100" b="0" i="0" u="none" strike="noStrike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US" altLang="ja-JP" sz="1100" u="none" strike="noStrike">
                          <a:effectLst/>
                        </a:rPr>
                        <a:t>167</a:t>
                      </a:r>
                      <a:endParaRPr lang="en-US" altLang="ja-JP" sz="1100" b="0" i="0" u="none" strike="noStrike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extLst>
                  <a:ext uri="{0D108BD9-81ED-4DB2-BD59-A6C34878D82A}">
                    <a16:rowId xmlns:a16="http://schemas.microsoft.com/office/drawing/2014/main" val="3925710909"/>
                  </a:ext>
                </a:extLst>
              </a:tr>
              <a:tr h="378042">
                <a:tc>
                  <a:txBody>
                    <a:bodyPr/>
                    <a:lstStyle/>
                    <a:p>
                      <a:pPr algn="l" fontAlgn="ctr"/>
                      <a:r>
                        <a:rPr lang="ja-JP" altLang="en-US" sz="1100" u="none" strike="noStrike">
                          <a:effectLst/>
                        </a:rPr>
                        <a:t>衛生費</a:t>
                      </a:r>
                      <a:endParaRPr lang="ja-JP" altLang="en-US" sz="1100" b="0" i="0" u="none" strike="noStrike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US" altLang="ja-JP" sz="1100" u="none" strike="noStrike" dirty="0">
                          <a:effectLst/>
                        </a:rPr>
                        <a:t>91</a:t>
                      </a:r>
                      <a:endParaRPr lang="en-US" altLang="ja-JP" sz="1100" b="0" i="0" u="none" strike="noStrike" dirty="0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extLst>
                  <a:ext uri="{0D108BD9-81ED-4DB2-BD59-A6C34878D82A}">
                    <a16:rowId xmlns:a16="http://schemas.microsoft.com/office/drawing/2014/main" val="1797139047"/>
                  </a:ext>
                </a:extLst>
              </a:tr>
              <a:tr h="378042">
                <a:tc>
                  <a:txBody>
                    <a:bodyPr/>
                    <a:lstStyle/>
                    <a:p>
                      <a:pPr algn="l" fontAlgn="ctr"/>
                      <a:r>
                        <a:rPr lang="ja-JP" altLang="en-US" sz="1100" u="none" strike="noStrike">
                          <a:effectLst/>
                        </a:rPr>
                        <a:t>その他</a:t>
                      </a:r>
                      <a:endParaRPr lang="ja-JP" altLang="en-US" sz="1100" b="0" i="0" u="none" strike="noStrike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US" altLang="ja-JP" sz="1100" u="none" strike="noStrike" dirty="0">
                          <a:effectLst/>
                        </a:rPr>
                        <a:t>108</a:t>
                      </a:r>
                      <a:endParaRPr lang="en-US" altLang="ja-JP" sz="1100" b="0" i="0" u="none" strike="noStrike" dirty="0">
                        <a:solidFill>
                          <a:srgbClr val="000000"/>
                        </a:solidFill>
                        <a:effectLst/>
                        <a:latin typeface="游ゴシック" panose="020B0400000000000000" pitchFamily="50" charset="-128"/>
                        <a:ea typeface="游ゴシック" panose="020B0400000000000000" pitchFamily="50" charset="-128"/>
                      </a:endParaRPr>
                    </a:p>
                  </a:txBody>
                  <a:tcPr marL="6350" marR="6350" marT="6350" marB="0" anchor="ctr"/>
                </a:tc>
                <a:extLst>
                  <a:ext uri="{0D108BD9-81ED-4DB2-BD59-A6C34878D82A}">
                    <a16:rowId xmlns:a16="http://schemas.microsoft.com/office/drawing/2014/main" val="4204013393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4053322642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角丸四角形 1">
            <a:extLst>
              <a:ext uri="{FF2B5EF4-FFF2-40B4-BE49-F238E27FC236}">
                <a16:creationId xmlns:a16="http://schemas.microsoft.com/office/drawing/2014/main" id="{7F2A38E6-1234-4837-B265-05CDFE5FC675}"/>
              </a:ext>
            </a:extLst>
          </p:cNvPr>
          <p:cNvSpPr/>
          <p:nvPr/>
        </p:nvSpPr>
        <p:spPr>
          <a:xfrm>
            <a:off x="244475" y="735013"/>
            <a:ext cx="8696325" cy="673100"/>
          </a:xfrm>
          <a:prstGeom prst="round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r>
              <a:rPr lang="ja-JP" altLang="en-US" sz="2800" dirty="0">
                <a:solidFill>
                  <a:schemeClr val="tx1"/>
                </a:solidFill>
              </a:rPr>
              <a:t>納税者（市民、企業　など）＝</a:t>
            </a:r>
            <a:r>
              <a:rPr lang="ja-JP" altLang="en-US" sz="2800" b="1" dirty="0">
                <a:solidFill>
                  <a:schemeClr val="tx1"/>
                </a:solidFill>
              </a:rPr>
              <a:t>アセットオーナー</a:t>
            </a:r>
            <a:endParaRPr lang="ja-JP" altLang="en-US" b="1" dirty="0">
              <a:solidFill>
                <a:schemeClr val="tx1"/>
              </a:solidFill>
            </a:endParaRPr>
          </a:p>
        </p:txBody>
      </p:sp>
      <p:sp>
        <p:nvSpPr>
          <p:cNvPr id="3" name="角丸四角形 2">
            <a:extLst>
              <a:ext uri="{FF2B5EF4-FFF2-40B4-BE49-F238E27FC236}">
                <a16:creationId xmlns:a16="http://schemas.microsoft.com/office/drawing/2014/main" id="{1A04140A-3BC9-40E3-92B0-676F80850D5D}"/>
              </a:ext>
            </a:extLst>
          </p:cNvPr>
          <p:cNvSpPr/>
          <p:nvPr/>
        </p:nvSpPr>
        <p:spPr>
          <a:xfrm>
            <a:off x="58737" y="5537201"/>
            <a:ext cx="2752726" cy="914400"/>
          </a:xfrm>
          <a:prstGeom prst="roundRect">
            <a:avLst/>
          </a:prstGeom>
          <a:solidFill>
            <a:schemeClr val="accent6">
              <a:lumMod val="40000"/>
              <a:lumOff val="6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r>
              <a:rPr lang="ja-JP" altLang="en-US" sz="2800" dirty="0">
                <a:solidFill>
                  <a:schemeClr val="tx1"/>
                </a:solidFill>
              </a:rPr>
              <a:t>財政担当部局</a:t>
            </a:r>
          </a:p>
        </p:txBody>
      </p:sp>
      <p:sp>
        <p:nvSpPr>
          <p:cNvPr id="4" name="角丸四角形 3">
            <a:extLst>
              <a:ext uri="{FF2B5EF4-FFF2-40B4-BE49-F238E27FC236}">
                <a16:creationId xmlns:a16="http://schemas.microsoft.com/office/drawing/2014/main" id="{8DFF305D-45FC-4E89-9045-BF156508D696}"/>
              </a:ext>
            </a:extLst>
          </p:cNvPr>
          <p:cNvSpPr/>
          <p:nvPr/>
        </p:nvSpPr>
        <p:spPr>
          <a:xfrm>
            <a:off x="5219700" y="5294734"/>
            <a:ext cx="3713161" cy="1304082"/>
          </a:xfrm>
          <a:prstGeom prst="roundRect">
            <a:avLst/>
          </a:prstGeom>
          <a:solidFill>
            <a:schemeClr val="accent2">
              <a:lumMod val="60000"/>
              <a:lumOff val="40000"/>
            </a:schemeClr>
          </a:solidFill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r>
              <a:rPr lang="ja-JP" altLang="en-US" sz="2800" b="1" dirty="0">
                <a:solidFill>
                  <a:schemeClr val="tx1"/>
                </a:solidFill>
              </a:rPr>
              <a:t>インフラ担当部局</a:t>
            </a:r>
            <a:endParaRPr lang="en-US" altLang="ja-JP" sz="2800" b="1" dirty="0">
              <a:solidFill>
                <a:schemeClr val="tx1"/>
              </a:solidFill>
            </a:endParaRPr>
          </a:p>
          <a:p>
            <a:pPr algn="ctr" eaLnBrk="1" hangingPunct="1">
              <a:defRPr/>
            </a:pPr>
            <a:r>
              <a:rPr lang="ja-JP" altLang="en-US" sz="2800" b="1" dirty="0">
                <a:solidFill>
                  <a:schemeClr val="tx1"/>
                </a:solidFill>
              </a:rPr>
              <a:t>（土木技術者）</a:t>
            </a:r>
          </a:p>
        </p:txBody>
      </p:sp>
      <p:sp>
        <p:nvSpPr>
          <p:cNvPr id="5" name="下矢印 4">
            <a:extLst>
              <a:ext uri="{FF2B5EF4-FFF2-40B4-BE49-F238E27FC236}">
                <a16:creationId xmlns:a16="http://schemas.microsoft.com/office/drawing/2014/main" id="{2B1F516E-2C9C-41AD-A316-9DB09F0644C2}"/>
              </a:ext>
            </a:extLst>
          </p:cNvPr>
          <p:cNvSpPr/>
          <p:nvPr/>
        </p:nvSpPr>
        <p:spPr>
          <a:xfrm>
            <a:off x="827088" y="1408113"/>
            <a:ext cx="865187" cy="1300162"/>
          </a:xfrm>
          <a:prstGeom prst="downArrow">
            <a:avLst/>
          </a:prstGeom>
          <a:solidFill>
            <a:schemeClr val="accent1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endParaRPr lang="ja-JP" altLang="en-US" dirty="0"/>
          </a:p>
        </p:txBody>
      </p:sp>
      <p:sp>
        <p:nvSpPr>
          <p:cNvPr id="6" name="爆発 2 5">
            <a:extLst>
              <a:ext uri="{FF2B5EF4-FFF2-40B4-BE49-F238E27FC236}">
                <a16:creationId xmlns:a16="http://schemas.microsoft.com/office/drawing/2014/main" id="{FC8FCA0A-B7BE-4754-B3A8-3EA60C80C63E}"/>
              </a:ext>
            </a:extLst>
          </p:cNvPr>
          <p:cNvSpPr/>
          <p:nvPr/>
        </p:nvSpPr>
        <p:spPr>
          <a:xfrm>
            <a:off x="58737" y="2132856"/>
            <a:ext cx="2752726" cy="2023219"/>
          </a:xfrm>
          <a:prstGeom prst="irregularSeal2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r>
              <a:rPr lang="ja-JP" altLang="en-US" sz="2800" b="1" dirty="0">
                <a:solidFill>
                  <a:schemeClr val="tx1"/>
                </a:solidFill>
              </a:rPr>
              <a:t>税金</a:t>
            </a:r>
          </a:p>
        </p:txBody>
      </p:sp>
      <p:sp>
        <p:nvSpPr>
          <p:cNvPr id="7" name="下矢印 6">
            <a:extLst>
              <a:ext uri="{FF2B5EF4-FFF2-40B4-BE49-F238E27FC236}">
                <a16:creationId xmlns:a16="http://schemas.microsoft.com/office/drawing/2014/main" id="{C5C35D14-20E4-4BA0-A74C-2FFA4BC57E11}"/>
              </a:ext>
            </a:extLst>
          </p:cNvPr>
          <p:cNvSpPr/>
          <p:nvPr/>
        </p:nvSpPr>
        <p:spPr>
          <a:xfrm>
            <a:off x="860425" y="4005263"/>
            <a:ext cx="863600" cy="1520825"/>
          </a:xfrm>
          <a:prstGeom prst="downArrow">
            <a:avLst/>
          </a:prstGeom>
          <a:solidFill>
            <a:schemeClr val="accent1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endParaRPr lang="ja-JP" altLang="en-US" dirty="0"/>
          </a:p>
        </p:txBody>
      </p:sp>
      <p:sp>
        <p:nvSpPr>
          <p:cNvPr id="8" name="右矢印 7">
            <a:extLst>
              <a:ext uri="{FF2B5EF4-FFF2-40B4-BE49-F238E27FC236}">
                <a16:creationId xmlns:a16="http://schemas.microsoft.com/office/drawing/2014/main" id="{35F4B527-1E39-47F8-ABC0-600E8D8D166A}"/>
              </a:ext>
            </a:extLst>
          </p:cNvPr>
          <p:cNvSpPr/>
          <p:nvPr/>
        </p:nvSpPr>
        <p:spPr>
          <a:xfrm>
            <a:off x="3059833" y="5489575"/>
            <a:ext cx="2159868" cy="1131888"/>
          </a:xfrm>
          <a:prstGeom prst="rightArrow">
            <a:avLst/>
          </a:prstGeom>
          <a:solidFill>
            <a:schemeClr val="accent5">
              <a:lumMod val="40000"/>
              <a:lumOff val="60000"/>
            </a:schemeClr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r>
              <a:rPr lang="ja-JP" altLang="en-US" b="1" dirty="0">
                <a:solidFill>
                  <a:schemeClr val="tx1"/>
                </a:solidFill>
              </a:rPr>
              <a:t>予算配分</a:t>
            </a:r>
          </a:p>
        </p:txBody>
      </p:sp>
      <p:sp>
        <p:nvSpPr>
          <p:cNvPr id="9" name="上矢印 8">
            <a:extLst>
              <a:ext uri="{FF2B5EF4-FFF2-40B4-BE49-F238E27FC236}">
                <a16:creationId xmlns:a16="http://schemas.microsoft.com/office/drawing/2014/main" id="{4E90C7D7-86C7-46CF-85D6-91B29441E090}"/>
              </a:ext>
            </a:extLst>
          </p:cNvPr>
          <p:cNvSpPr/>
          <p:nvPr/>
        </p:nvSpPr>
        <p:spPr>
          <a:xfrm>
            <a:off x="4811837" y="4331648"/>
            <a:ext cx="4248150" cy="914401"/>
          </a:xfrm>
          <a:prstGeom prst="upArrow">
            <a:avLst>
              <a:gd name="adj1" fmla="val 50000"/>
              <a:gd name="adj2" fmla="val 51298"/>
            </a:avLst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r>
              <a:rPr lang="ja-JP" altLang="en-US" sz="2000" b="1" dirty="0">
                <a:solidFill>
                  <a:schemeClr val="tx1"/>
                </a:solidFill>
              </a:rPr>
              <a:t>投資</a:t>
            </a:r>
            <a:endParaRPr lang="en-US" altLang="ja-JP" sz="2000" b="1" dirty="0">
              <a:solidFill>
                <a:schemeClr val="tx1"/>
              </a:solidFill>
            </a:endParaRPr>
          </a:p>
          <a:p>
            <a:pPr algn="ctr" eaLnBrk="1" hangingPunct="1">
              <a:defRPr/>
            </a:pPr>
            <a:r>
              <a:rPr lang="ja-JP" altLang="en-US" sz="2000" b="1" dirty="0">
                <a:solidFill>
                  <a:schemeClr val="tx1"/>
                </a:solidFill>
              </a:rPr>
              <a:t>管理運営</a:t>
            </a:r>
          </a:p>
        </p:txBody>
      </p:sp>
      <p:sp>
        <p:nvSpPr>
          <p:cNvPr id="12" name="上矢印 11">
            <a:extLst>
              <a:ext uri="{FF2B5EF4-FFF2-40B4-BE49-F238E27FC236}">
                <a16:creationId xmlns:a16="http://schemas.microsoft.com/office/drawing/2014/main" id="{69945978-271B-4FFA-89C5-BA56E5AA83F5}"/>
              </a:ext>
            </a:extLst>
          </p:cNvPr>
          <p:cNvSpPr/>
          <p:nvPr/>
        </p:nvSpPr>
        <p:spPr>
          <a:xfrm>
            <a:off x="4910138" y="1389566"/>
            <a:ext cx="4537075" cy="1295400"/>
          </a:xfrm>
          <a:prstGeom prst="upArrow">
            <a:avLst>
              <a:gd name="adj1" fmla="val 50000"/>
              <a:gd name="adj2" fmla="val 52596"/>
            </a:avLst>
          </a:prstGeom>
          <a:solidFill>
            <a:schemeClr val="accent2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r>
              <a:rPr lang="ja-JP" altLang="en-US" sz="1800" b="1" dirty="0">
                <a:solidFill>
                  <a:schemeClr val="tx1"/>
                </a:solidFill>
              </a:rPr>
              <a:t>サービス</a:t>
            </a:r>
            <a:endParaRPr lang="en-US" altLang="ja-JP" sz="1800" b="1" dirty="0">
              <a:solidFill>
                <a:schemeClr val="tx1"/>
              </a:solidFill>
            </a:endParaRPr>
          </a:p>
          <a:p>
            <a:pPr algn="ctr" eaLnBrk="1" hangingPunct="1">
              <a:defRPr/>
            </a:pPr>
            <a:r>
              <a:rPr lang="ja-JP" altLang="en-US" b="1" dirty="0">
                <a:solidFill>
                  <a:schemeClr val="tx1"/>
                </a:solidFill>
              </a:rPr>
              <a:t>便益・価値</a:t>
            </a:r>
          </a:p>
        </p:txBody>
      </p:sp>
      <p:pic>
        <p:nvPicPr>
          <p:cNvPr id="15371" name="Picture 13">
            <a:extLst>
              <a:ext uri="{FF2B5EF4-FFF2-40B4-BE49-F238E27FC236}">
                <a16:creationId xmlns:a16="http://schemas.microsoft.com/office/drawing/2014/main" id="{B4258DCF-34F4-4B40-BA62-EEFF2E57AA7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12656" y="2782026"/>
            <a:ext cx="2332037" cy="14525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5372" name="テキスト ボックス 13">
            <a:extLst>
              <a:ext uri="{FF2B5EF4-FFF2-40B4-BE49-F238E27FC236}">
                <a16:creationId xmlns:a16="http://schemas.microsoft.com/office/drawing/2014/main" id="{B4AF59CC-B511-4897-AD25-64C242F90CC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31775" y="23813"/>
            <a:ext cx="7250703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400" dirty="0">
                <a:latin typeface="Arial" panose="020B0604020202020204" pitchFamily="34" charset="0"/>
              </a:rPr>
              <a:t>アセットオーナーと発注者の役割　⇒理解されてます？</a:t>
            </a:r>
          </a:p>
        </p:txBody>
      </p:sp>
      <p:sp>
        <p:nvSpPr>
          <p:cNvPr id="10" name="雲形吹き出し 9">
            <a:extLst>
              <a:ext uri="{FF2B5EF4-FFF2-40B4-BE49-F238E27FC236}">
                <a16:creationId xmlns:a16="http://schemas.microsoft.com/office/drawing/2014/main" id="{A74FD456-6D60-44D1-8901-09B59C6DA54B}"/>
              </a:ext>
            </a:extLst>
          </p:cNvPr>
          <p:cNvSpPr/>
          <p:nvPr/>
        </p:nvSpPr>
        <p:spPr>
          <a:xfrm>
            <a:off x="1965324" y="1425212"/>
            <a:ext cx="3712635" cy="2995612"/>
          </a:xfrm>
          <a:prstGeom prst="cloudCallout">
            <a:avLst>
              <a:gd name="adj1" fmla="val 58476"/>
              <a:gd name="adj2" fmla="val 16171"/>
            </a:avLst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endParaRPr lang="en-US" altLang="ja-JP" sz="2000" b="1" dirty="0">
              <a:solidFill>
                <a:schemeClr val="tx1"/>
              </a:solidFill>
            </a:endParaRPr>
          </a:p>
          <a:p>
            <a:pPr algn="ctr" eaLnBrk="1" hangingPunct="1">
              <a:defRPr/>
            </a:pPr>
            <a:r>
              <a:rPr lang="ja-JP" altLang="en-US" sz="2000" b="1" dirty="0">
                <a:solidFill>
                  <a:schemeClr val="tx1"/>
                </a:solidFill>
              </a:rPr>
              <a:t>忘れちゃいけない！</a:t>
            </a:r>
            <a:endParaRPr lang="en-US" altLang="ja-JP" sz="2000" b="1" dirty="0">
              <a:solidFill>
                <a:schemeClr val="tx1"/>
              </a:solidFill>
            </a:endParaRPr>
          </a:p>
          <a:p>
            <a:pPr algn="ctr" eaLnBrk="1" hangingPunct="1">
              <a:defRPr/>
            </a:pPr>
            <a:r>
              <a:rPr lang="ja-JP" altLang="en-US" sz="2000" b="1" dirty="0">
                <a:solidFill>
                  <a:schemeClr val="tx1"/>
                </a:solidFill>
              </a:rPr>
              <a:t>官庁職員は、納税者から信頼の下、付託を受けた、実行者である。</a:t>
            </a:r>
            <a:endParaRPr lang="en-US" altLang="ja-JP" sz="2000" b="1" dirty="0">
              <a:solidFill>
                <a:schemeClr val="tx1"/>
              </a:solidFill>
            </a:endParaRPr>
          </a:p>
          <a:p>
            <a:pPr algn="ctr" eaLnBrk="1" hangingPunct="1">
              <a:defRPr/>
            </a:pPr>
            <a:r>
              <a:rPr lang="ja-JP" altLang="en-US" sz="2000" b="1" dirty="0">
                <a:solidFill>
                  <a:schemeClr val="tx1"/>
                </a:solidFill>
              </a:rPr>
              <a:t>アセットオーナーの信頼にこたえる義務と責任がある</a:t>
            </a:r>
          </a:p>
        </p:txBody>
      </p:sp>
      <p:sp>
        <p:nvSpPr>
          <p:cNvPr id="14" name="角丸四角形 3">
            <a:extLst>
              <a:ext uri="{FF2B5EF4-FFF2-40B4-BE49-F238E27FC236}">
                <a16:creationId xmlns:a16="http://schemas.microsoft.com/office/drawing/2014/main" id="{0663E28B-D667-4E93-A9B6-02B290B6AE67}"/>
              </a:ext>
            </a:extLst>
          </p:cNvPr>
          <p:cNvSpPr/>
          <p:nvPr/>
        </p:nvSpPr>
        <p:spPr>
          <a:xfrm>
            <a:off x="1401763" y="4222701"/>
            <a:ext cx="1226021" cy="715962"/>
          </a:xfrm>
          <a:prstGeom prst="roundRect">
            <a:avLst/>
          </a:prstGeom>
          <a:solidFill>
            <a:srgbClr val="FFFF00"/>
          </a:solidFill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anchor="ctr"/>
          <a:lstStyle/>
          <a:p>
            <a:pPr algn="ctr" eaLnBrk="1" hangingPunct="1">
              <a:defRPr/>
            </a:pPr>
            <a:r>
              <a:rPr lang="ja-JP" altLang="en-US" sz="2800" b="1" dirty="0">
                <a:solidFill>
                  <a:schemeClr val="tx1"/>
                </a:solidFill>
              </a:rPr>
              <a:t>付託</a:t>
            </a:r>
            <a:endParaRPr lang="ja-JP" altLang="en-US" sz="2000" b="1" dirty="0">
              <a:solidFill>
                <a:schemeClr val="tx1"/>
              </a:solidFill>
            </a:endParaRPr>
          </a:p>
        </p:txBody>
      </p:sp>
      <p:sp>
        <p:nvSpPr>
          <p:cNvPr id="11" name="吹き出し: 角を丸めた四角形 10">
            <a:extLst>
              <a:ext uri="{FF2B5EF4-FFF2-40B4-BE49-F238E27FC236}">
                <a16:creationId xmlns:a16="http://schemas.microsoft.com/office/drawing/2014/main" id="{C26586CB-8843-4F2D-8EF1-B01135F6DE22}"/>
              </a:ext>
            </a:extLst>
          </p:cNvPr>
          <p:cNvSpPr/>
          <p:nvPr/>
        </p:nvSpPr>
        <p:spPr>
          <a:xfrm>
            <a:off x="3049564" y="4656720"/>
            <a:ext cx="1401787" cy="638014"/>
          </a:xfrm>
          <a:prstGeom prst="wedgeRoundRectCallout">
            <a:avLst>
              <a:gd name="adj1" fmla="val -85057"/>
              <a:gd name="adj2" fmla="val -45809"/>
              <a:gd name="adj3" fmla="val 16667"/>
            </a:avLst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3" name="テキスト ボックス 12">
            <a:extLst>
              <a:ext uri="{FF2B5EF4-FFF2-40B4-BE49-F238E27FC236}">
                <a16:creationId xmlns:a16="http://schemas.microsoft.com/office/drawing/2014/main" id="{6BCD38AD-8463-42B1-9711-F7289C3B1642}"/>
              </a:ext>
            </a:extLst>
          </p:cNvPr>
          <p:cNvSpPr txBox="1"/>
          <p:nvPr/>
        </p:nvSpPr>
        <p:spPr>
          <a:xfrm>
            <a:off x="3049564" y="4753997"/>
            <a:ext cx="133037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b="1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責任が伴う</a:t>
            </a:r>
          </a:p>
        </p:txBody>
      </p:sp>
    </p:spTree>
    <p:extLst>
      <p:ext uri="{BB962C8B-B14F-4D97-AF65-F5344CB8AC3E}">
        <p14:creationId xmlns:p14="http://schemas.microsoft.com/office/powerpoint/2010/main" val="2706021457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DAC90885-B8CF-441B-99FE-EE6DE5B0732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5A2C38-BF5A-4117-A3B3-4E986D472ED9}" type="slidenum">
              <a:rPr kumimoji="1" lang="ja-JP" altLang="en-US" smtClean="0"/>
              <a:t>15</a:t>
            </a:fld>
            <a:endParaRPr kumimoji="1" lang="ja-JP" altLang="en-US" dirty="0"/>
          </a:p>
        </p:txBody>
      </p:sp>
      <p:sp>
        <p:nvSpPr>
          <p:cNvPr id="5" name="正方形/長方形 4">
            <a:extLst>
              <a:ext uri="{FF2B5EF4-FFF2-40B4-BE49-F238E27FC236}">
                <a16:creationId xmlns:a16="http://schemas.microsoft.com/office/drawing/2014/main" id="{9AA4D9E8-8487-4CDC-A05D-7729D9158C8D}"/>
              </a:ext>
            </a:extLst>
          </p:cNvPr>
          <p:cNvSpPr/>
          <p:nvPr/>
        </p:nvSpPr>
        <p:spPr>
          <a:xfrm>
            <a:off x="1581401" y="1155301"/>
            <a:ext cx="4350653" cy="1104727"/>
          </a:xfrm>
          <a:prstGeom prst="rect">
            <a:avLst/>
          </a:prstGeom>
          <a:noFill/>
          <a:ln w="3175">
            <a:solidFill>
              <a:srgbClr val="FF33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民間等との連携体制の構築　</a:t>
            </a:r>
            <a:endParaRPr kumimoji="1"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en-US" altLang="ja-JP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PPP/PFI</a:t>
            </a:r>
            <a:r>
              <a:rPr lang="ja-JP" altLang="en-US" sz="2000" dirty="0" err="1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、</a:t>
            </a:r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包括管理　など</a:t>
            </a:r>
            <a:endParaRPr kumimoji="1"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ja-JP" altLang="en-US" sz="20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新技術の積極導入</a:t>
            </a:r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。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6" name="正方形/長方形 5">
            <a:extLst>
              <a:ext uri="{FF2B5EF4-FFF2-40B4-BE49-F238E27FC236}">
                <a16:creationId xmlns:a16="http://schemas.microsoft.com/office/drawing/2014/main" id="{99634B4E-6086-4C04-9ADD-D8E8043E91CB}"/>
              </a:ext>
            </a:extLst>
          </p:cNvPr>
          <p:cNvSpPr/>
          <p:nvPr/>
        </p:nvSpPr>
        <p:spPr>
          <a:xfrm>
            <a:off x="1609364" y="2695506"/>
            <a:ext cx="4355783" cy="1434620"/>
          </a:xfrm>
          <a:prstGeom prst="rect">
            <a:avLst/>
          </a:prstGeom>
          <a:noFill/>
          <a:ln w="3175">
            <a:solidFill>
              <a:srgbClr val="FF33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セカンドオピニオンの実施。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データベースシステム構築　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en-US" altLang="ja-JP" sz="20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IOT</a:t>
            </a:r>
            <a:r>
              <a:rPr lang="ja-JP" altLang="en-US" sz="20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の活用　</a:t>
            </a:r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、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発注方式（新たな発注方法）　</a:t>
            </a:r>
            <a:endParaRPr kumimoji="1" lang="ja-JP" altLang="en-US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7" name="正方形/長方形 6">
            <a:extLst>
              <a:ext uri="{FF2B5EF4-FFF2-40B4-BE49-F238E27FC236}">
                <a16:creationId xmlns:a16="http://schemas.microsoft.com/office/drawing/2014/main" id="{003B8216-142E-48B7-BB47-F87CDF9A6615}"/>
              </a:ext>
            </a:extLst>
          </p:cNvPr>
          <p:cNvSpPr/>
          <p:nvPr/>
        </p:nvSpPr>
        <p:spPr>
          <a:xfrm>
            <a:off x="1535104" y="4635080"/>
            <a:ext cx="4427477" cy="1600033"/>
          </a:xfrm>
          <a:prstGeom prst="rect">
            <a:avLst/>
          </a:prstGeom>
          <a:noFill/>
          <a:ln w="3175">
            <a:solidFill>
              <a:srgbClr val="FF3300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橋梁トリアージの実施</a:t>
            </a:r>
            <a:endParaRPr kumimoji="1"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kumimoji="1"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新たな</a:t>
            </a:r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管理区分・方針の設定　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ja-JP" altLang="en-US" sz="2000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地元優先との決別</a:t>
            </a:r>
            <a:endParaRPr lang="en-US" altLang="ja-JP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r>
              <a:rPr lang="en-US" altLang="ja-JP" sz="20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PPP/PFI</a:t>
            </a:r>
            <a:r>
              <a:rPr lang="ja-JP" altLang="en-US" sz="20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、包括管理　</a:t>
            </a:r>
            <a:r>
              <a:rPr lang="ja-JP" altLang="en-US" sz="1600" dirty="0">
                <a:solidFill>
                  <a:srgbClr val="FF0000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（民間資金の活用）</a:t>
            </a:r>
            <a:endParaRPr lang="en-US" altLang="ja-JP" sz="1600" dirty="0">
              <a:solidFill>
                <a:srgbClr val="FF0000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endParaRPr kumimoji="1" lang="ja-JP" altLang="en-US" sz="2000" dirty="0">
              <a:solidFill>
                <a:schemeClr val="tx1"/>
              </a:solidFill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8" name="正方形/長方形 7">
            <a:extLst>
              <a:ext uri="{FF2B5EF4-FFF2-40B4-BE49-F238E27FC236}">
                <a16:creationId xmlns:a16="http://schemas.microsoft.com/office/drawing/2014/main" id="{E7CB4678-C8BE-47D0-8326-AFBD94056535}"/>
              </a:ext>
            </a:extLst>
          </p:cNvPr>
          <p:cNvSpPr/>
          <p:nvPr/>
        </p:nvSpPr>
        <p:spPr>
          <a:xfrm>
            <a:off x="1188502" y="1192791"/>
            <a:ext cx="382549" cy="107707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/>
              <a:t>施策</a:t>
            </a:r>
          </a:p>
        </p:txBody>
      </p:sp>
      <p:sp>
        <p:nvSpPr>
          <p:cNvPr id="9" name="正方形/長方形 8">
            <a:extLst>
              <a:ext uri="{FF2B5EF4-FFF2-40B4-BE49-F238E27FC236}">
                <a16:creationId xmlns:a16="http://schemas.microsoft.com/office/drawing/2014/main" id="{CE662F6A-C4E3-49E8-8503-375139B0585D}"/>
              </a:ext>
            </a:extLst>
          </p:cNvPr>
          <p:cNvSpPr/>
          <p:nvPr/>
        </p:nvSpPr>
        <p:spPr>
          <a:xfrm>
            <a:off x="1197609" y="2704295"/>
            <a:ext cx="411755" cy="145872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/>
              <a:t>施策</a:t>
            </a:r>
          </a:p>
        </p:txBody>
      </p:sp>
      <p:sp>
        <p:nvSpPr>
          <p:cNvPr id="10" name="正方形/長方形 9">
            <a:extLst>
              <a:ext uri="{FF2B5EF4-FFF2-40B4-BE49-F238E27FC236}">
                <a16:creationId xmlns:a16="http://schemas.microsoft.com/office/drawing/2014/main" id="{74E80CAD-38BF-400B-A687-00C615CCC428}"/>
              </a:ext>
            </a:extLst>
          </p:cNvPr>
          <p:cNvSpPr/>
          <p:nvPr/>
        </p:nvSpPr>
        <p:spPr>
          <a:xfrm>
            <a:off x="1234577" y="4604570"/>
            <a:ext cx="297025" cy="1627987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/>
              <a:t>施策</a:t>
            </a:r>
          </a:p>
        </p:txBody>
      </p:sp>
      <p:sp>
        <p:nvSpPr>
          <p:cNvPr id="11" name="四角形: 角を丸くする 10">
            <a:extLst>
              <a:ext uri="{FF2B5EF4-FFF2-40B4-BE49-F238E27FC236}">
                <a16:creationId xmlns:a16="http://schemas.microsoft.com/office/drawing/2014/main" id="{B9A9D51F-791D-42CE-BCEF-78851B3C4978}"/>
              </a:ext>
            </a:extLst>
          </p:cNvPr>
          <p:cNvSpPr/>
          <p:nvPr/>
        </p:nvSpPr>
        <p:spPr>
          <a:xfrm>
            <a:off x="6037638" y="1154530"/>
            <a:ext cx="2926850" cy="1153595"/>
          </a:xfrm>
          <a:prstGeom prst="round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民間活力の導入</a:t>
            </a:r>
            <a:endParaRPr kumimoji="1" lang="en-US" altLang="ja-JP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 algn="ctr"/>
            <a:r>
              <a:rPr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（民間の資金活用）</a:t>
            </a:r>
            <a:endParaRPr kumimoji="1" lang="ja-JP" altLang="en-US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</p:txBody>
      </p:sp>
      <p:sp>
        <p:nvSpPr>
          <p:cNvPr id="12" name="四角形: 角を丸くする 11">
            <a:extLst>
              <a:ext uri="{FF2B5EF4-FFF2-40B4-BE49-F238E27FC236}">
                <a16:creationId xmlns:a16="http://schemas.microsoft.com/office/drawing/2014/main" id="{53412A54-4A94-4E57-96C1-2D0B985ACF7F}"/>
              </a:ext>
            </a:extLst>
          </p:cNvPr>
          <p:cNvSpPr/>
          <p:nvPr/>
        </p:nvSpPr>
        <p:spPr>
          <a:xfrm>
            <a:off x="6037638" y="2686195"/>
            <a:ext cx="3024336" cy="1434620"/>
          </a:xfrm>
          <a:prstGeom prst="round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en-US" altLang="ja-JP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 algn="ctr"/>
            <a:r>
              <a:rPr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新技術</a:t>
            </a:r>
            <a:r>
              <a:rPr lang="en-US" altLang="ja-JP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,IOT</a:t>
            </a:r>
            <a:r>
              <a:rPr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の導入</a:t>
            </a:r>
            <a:endParaRPr lang="en-US" altLang="ja-JP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 algn="ctr"/>
            <a:r>
              <a:rPr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生産性の向上</a:t>
            </a:r>
            <a:endParaRPr kumimoji="1" lang="ja-JP" altLang="en-US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</p:txBody>
      </p:sp>
      <p:sp>
        <p:nvSpPr>
          <p:cNvPr id="13" name="四角形: 角を丸くする 12">
            <a:extLst>
              <a:ext uri="{FF2B5EF4-FFF2-40B4-BE49-F238E27FC236}">
                <a16:creationId xmlns:a16="http://schemas.microsoft.com/office/drawing/2014/main" id="{888EEC84-6764-47E9-A17B-23D21DB35D36}"/>
              </a:ext>
            </a:extLst>
          </p:cNvPr>
          <p:cNvSpPr/>
          <p:nvPr/>
        </p:nvSpPr>
        <p:spPr>
          <a:xfrm>
            <a:off x="5966487" y="4604569"/>
            <a:ext cx="2857611" cy="1638811"/>
          </a:xfrm>
          <a:prstGeom prst="round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新たなしくみ</a:t>
            </a:r>
            <a:endParaRPr kumimoji="1" lang="en-US" altLang="ja-JP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 algn="ctr"/>
            <a:r>
              <a:rPr lang="ja-JP" altLang="en-US" sz="2000" dirty="0">
                <a:solidFill>
                  <a:schemeClr val="tx1"/>
                </a:solidFill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新たな考え方</a:t>
            </a:r>
            <a:endParaRPr kumimoji="1" lang="ja-JP" altLang="en-US" sz="2000" dirty="0">
              <a:solidFill>
                <a:schemeClr val="tx1"/>
              </a:solidFill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C9CC6C6A-82A2-4F0E-B0AA-37EF3F9B4687}"/>
              </a:ext>
            </a:extLst>
          </p:cNvPr>
          <p:cNvSpPr txBox="1"/>
          <p:nvPr/>
        </p:nvSpPr>
        <p:spPr>
          <a:xfrm>
            <a:off x="1234577" y="728378"/>
            <a:ext cx="2765501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000" b="1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限られた資源に対応　</a:t>
            </a:r>
          </a:p>
        </p:txBody>
      </p:sp>
      <p:sp>
        <p:nvSpPr>
          <p:cNvPr id="14" name="テキスト ボックス 13">
            <a:extLst>
              <a:ext uri="{FF2B5EF4-FFF2-40B4-BE49-F238E27FC236}">
                <a16:creationId xmlns:a16="http://schemas.microsoft.com/office/drawing/2014/main" id="{41BC6583-3E47-430A-9BC0-C90B9C035020}"/>
              </a:ext>
            </a:extLst>
          </p:cNvPr>
          <p:cNvSpPr txBox="1"/>
          <p:nvPr/>
        </p:nvSpPr>
        <p:spPr>
          <a:xfrm>
            <a:off x="377052" y="1411717"/>
            <a:ext cx="634783" cy="4708981"/>
          </a:xfrm>
          <a:prstGeom prst="rect">
            <a:avLst/>
          </a:prstGeom>
          <a:solidFill>
            <a:schemeClr val="accent4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富山市橋梁マネジ</a:t>
            </a:r>
            <a:endParaRPr kumimoji="1" lang="en-US" altLang="ja-JP" sz="2000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algn="ctr"/>
            <a:r>
              <a:rPr kumimoji="1"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メ</a:t>
            </a:r>
            <a:endParaRPr kumimoji="1" lang="en-US" altLang="ja-JP" sz="2000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algn="ctr"/>
            <a:r>
              <a:rPr kumimoji="1"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ン</a:t>
            </a:r>
            <a:endParaRPr kumimoji="1" lang="en-US" altLang="ja-JP" sz="2000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algn="ctr"/>
            <a:r>
              <a:rPr kumimoji="1"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ト</a:t>
            </a:r>
            <a:endParaRPr kumimoji="1" lang="en-US" altLang="ja-JP" sz="2000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algn="ctr"/>
            <a:r>
              <a:rPr kumimoji="1"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基本計画</a:t>
            </a:r>
          </a:p>
        </p:txBody>
      </p:sp>
      <p:sp>
        <p:nvSpPr>
          <p:cNvPr id="15" name="テキスト ボックス 14">
            <a:extLst>
              <a:ext uri="{FF2B5EF4-FFF2-40B4-BE49-F238E27FC236}">
                <a16:creationId xmlns:a16="http://schemas.microsoft.com/office/drawing/2014/main" id="{AC70EDB5-6D79-4859-9BE9-3D8EF8C69ACD}"/>
              </a:ext>
            </a:extLst>
          </p:cNvPr>
          <p:cNvSpPr txBox="1"/>
          <p:nvPr/>
        </p:nvSpPr>
        <p:spPr>
          <a:xfrm>
            <a:off x="1188502" y="4256624"/>
            <a:ext cx="5962520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kumimoji="1" lang="ja-JP" altLang="en-US" sz="1800" b="1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選択と集中、新たな仕組み　</a:t>
            </a:r>
          </a:p>
        </p:txBody>
      </p:sp>
      <p:sp>
        <p:nvSpPr>
          <p:cNvPr id="17" name="テキスト ボックス 16">
            <a:extLst>
              <a:ext uri="{FF2B5EF4-FFF2-40B4-BE49-F238E27FC236}">
                <a16:creationId xmlns:a16="http://schemas.microsoft.com/office/drawing/2014/main" id="{D31A6FC2-3553-45C8-8533-7975015A884A}"/>
              </a:ext>
            </a:extLst>
          </p:cNvPr>
          <p:cNvSpPr txBox="1"/>
          <p:nvPr/>
        </p:nvSpPr>
        <p:spPr>
          <a:xfrm>
            <a:off x="1164913" y="2269867"/>
            <a:ext cx="6193003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kumimoji="1" lang="ja-JP" altLang="en-US" sz="1800" b="1" dirty="0">
                <a:solidFill>
                  <a:schemeClr val="tx1"/>
                </a:solidFill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業務の効率化・高度化を推進　</a:t>
            </a:r>
          </a:p>
        </p:txBody>
      </p:sp>
      <p:sp>
        <p:nvSpPr>
          <p:cNvPr id="18" name="テキスト ボックス 17">
            <a:extLst>
              <a:ext uri="{FF2B5EF4-FFF2-40B4-BE49-F238E27FC236}">
                <a16:creationId xmlns:a16="http://schemas.microsoft.com/office/drawing/2014/main" id="{DD051744-37FD-4115-95D8-73A7F26E957D}"/>
              </a:ext>
            </a:extLst>
          </p:cNvPr>
          <p:cNvSpPr txBox="1"/>
          <p:nvPr/>
        </p:nvSpPr>
        <p:spPr>
          <a:xfrm>
            <a:off x="15377" y="6424145"/>
            <a:ext cx="428835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2000" dirty="0"/>
              <a:t>※</a:t>
            </a:r>
            <a:r>
              <a:rPr kumimoji="1" lang="ja-JP" altLang="en-US" sz="2000" dirty="0"/>
              <a:t>２０２０より見直しの検討に着手</a:t>
            </a:r>
          </a:p>
        </p:txBody>
      </p:sp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3AD6E21D-6B47-4B4B-96FE-6B10C3DBB7C3}"/>
              </a:ext>
            </a:extLst>
          </p:cNvPr>
          <p:cNvSpPr txBox="1"/>
          <p:nvPr/>
        </p:nvSpPr>
        <p:spPr>
          <a:xfrm>
            <a:off x="611560" y="33745"/>
            <a:ext cx="811472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8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如何に対応するか？⇒新たな「技術」「しくみ」「人財」</a:t>
            </a:r>
          </a:p>
        </p:txBody>
      </p:sp>
    </p:spTree>
    <p:extLst>
      <p:ext uri="{BB962C8B-B14F-4D97-AF65-F5344CB8AC3E}">
        <p14:creationId xmlns:p14="http://schemas.microsoft.com/office/powerpoint/2010/main" val="3176560934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6"/>
          <p:cNvSpPr>
            <a:spLocks noGrp="1" noChangeArrowheads="1"/>
          </p:cNvSpPr>
          <p:nvPr>
            <p:ph type="sldNum" sz="quarter" idx="4294967295"/>
          </p:nvPr>
        </p:nvSpPr>
        <p:spPr>
          <a:xfrm>
            <a:off x="0" y="6356350"/>
            <a:ext cx="3086100" cy="365125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ja-JP" sz="1200">
                <a:solidFill>
                  <a:schemeClr val="bg1"/>
                </a:solidFill>
                <a:latin typeface="HGPｺﾞｼｯｸE" pitchFamily="50" charset="-128"/>
                <a:ea typeface="HGPｺﾞｼｯｸE" pitchFamily="50" charset="-128"/>
              </a:rPr>
              <a:t>-</a:t>
            </a:r>
            <a:fld id="{104C7CE3-8080-4870-8ADC-FF5646BAEFD1}" type="slidenum">
              <a:rPr lang="en-US" altLang="ja-JP" sz="1200">
                <a:solidFill>
                  <a:schemeClr val="bg1"/>
                </a:solidFill>
                <a:latin typeface="HGPｺﾞｼｯｸE" pitchFamily="50" charset="-128"/>
                <a:ea typeface="HGPｺﾞｼｯｸE" pitchFamily="50" charset="-128"/>
              </a:rPr>
              <a:pPr eaLnBrk="1" hangingPunct="1">
                <a:spcBef>
                  <a:spcPct val="0"/>
                </a:spcBef>
                <a:buFontTx/>
                <a:buNone/>
              </a:pPr>
              <a:t>16</a:t>
            </a:fld>
            <a:r>
              <a:rPr lang="en-US" altLang="ja-JP" sz="1200">
                <a:solidFill>
                  <a:schemeClr val="bg1"/>
                </a:solidFill>
                <a:latin typeface="HGPｺﾞｼｯｸE" pitchFamily="50" charset="-128"/>
                <a:ea typeface="HGPｺﾞｼｯｸE" pitchFamily="50" charset="-128"/>
              </a:rPr>
              <a:t>-</a:t>
            </a:r>
          </a:p>
        </p:txBody>
      </p:sp>
      <p:sp>
        <p:nvSpPr>
          <p:cNvPr id="3075" name="Rectangle 6"/>
          <p:cNvSpPr>
            <a:spLocks noChangeArrowheads="1"/>
          </p:cNvSpPr>
          <p:nvPr/>
        </p:nvSpPr>
        <p:spPr bwMode="auto">
          <a:xfrm>
            <a:off x="80962" y="287291"/>
            <a:ext cx="9063038" cy="9096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dirty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維持管理　第１ステージが終了し、</a:t>
            </a:r>
            <a:endParaRPr lang="en-US" altLang="ja-JP" dirty="0"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dirty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　　　　　　われわれは、どこへ向かうのか？</a:t>
            </a:r>
            <a:endParaRPr lang="en-US" altLang="ja-JP" dirty="0"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 eaLnBrk="1" hangingPunct="1">
              <a:spcBef>
                <a:spcPct val="0"/>
              </a:spcBef>
              <a:buFontTx/>
              <a:buNone/>
            </a:pPr>
            <a:endParaRPr lang="ja-JP" altLang="en-US" dirty="0">
              <a:solidFill>
                <a:srgbClr val="00B050"/>
              </a:solidFill>
              <a:latin typeface="HGPｺﾞｼｯｸE" pitchFamily="50" charset="-128"/>
              <a:ea typeface="HGPｺﾞｼｯｸE" pitchFamily="50" charset="-128"/>
            </a:endParaRPr>
          </a:p>
        </p:txBody>
      </p:sp>
      <p:sp>
        <p:nvSpPr>
          <p:cNvPr id="3076" name="Rectangle 17"/>
          <p:cNvSpPr>
            <a:spLocks noChangeArrowheads="1"/>
          </p:cNvSpPr>
          <p:nvPr/>
        </p:nvSpPr>
        <p:spPr bwMode="auto">
          <a:xfrm>
            <a:off x="66593" y="908720"/>
            <a:ext cx="9063038" cy="7191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342900" indent="-342900"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>
              <a:lnSpc>
                <a:spcPct val="80000"/>
              </a:lnSpc>
              <a:buFont typeface="Wingdings" pitchFamily="2" charset="2"/>
              <a:buChar char="Ø"/>
            </a:pPr>
            <a:endParaRPr lang="ja-JP" altLang="en-US" sz="2400" b="1" dirty="0">
              <a:solidFill>
                <a:srgbClr val="000000"/>
              </a:solidFill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2" name="正方形/長方形 1"/>
          <p:cNvSpPr/>
          <p:nvPr/>
        </p:nvSpPr>
        <p:spPr>
          <a:xfrm>
            <a:off x="136358" y="2991620"/>
            <a:ext cx="8630652" cy="34778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1</a:t>
            </a:r>
            <a:r>
              <a:rPr lang="ja-JP" altLang="en-US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巡目が終わり、次は</a:t>
            </a:r>
            <a:r>
              <a:rPr lang="ja-JP" altLang="en-US" sz="2000" dirty="0">
                <a:solidFill>
                  <a:srgbClr val="FF0000"/>
                </a:solidFill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補修が必要だ！！</a:t>
            </a:r>
            <a:endParaRPr lang="en-US" altLang="ja-JP" sz="2000" dirty="0">
              <a:solidFill>
                <a:srgbClr val="FF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endParaRPr>
          </a:p>
          <a:p>
            <a:r>
              <a:rPr lang="ja-JP" altLang="en-US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補修では、コストが点検と</a:t>
            </a:r>
            <a:r>
              <a:rPr lang="en-US" altLang="ja-JP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1</a:t>
            </a:r>
            <a:r>
              <a:rPr lang="ja-JP" altLang="en-US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桁</a:t>
            </a:r>
            <a:r>
              <a:rPr lang="en-US" altLang="ja-JP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2</a:t>
            </a:r>
            <a:r>
              <a:rPr lang="ja-JP" altLang="en-US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桁違ってくる。この時、「診断結果」「点検精度」が影響大。補修設計にも的確な判断が必要</a:t>
            </a:r>
            <a:endParaRPr lang="en-US" altLang="ja-JP" sz="2000" dirty="0">
              <a:latin typeface="HG創英角ﾎﾟｯﾌﾟ体" panose="040B0A09000000000000" pitchFamily="49" charset="-128"/>
              <a:ea typeface="HG創英角ﾎﾟｯﾌﾟ体" panose="040B0A09000000000000" pitchFamily="49" charset="-128"/>
            </a:endParaRPr>
          </a:p>
          <a:p>
            <a:r>
              <a:rPr lang="ja-JP" altLang="en-US" sz="2000" dirty="0">
                <a:solidFill>
                  <a:srgbClr val="FF0000"/>
                </a:solidFill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新技術をいかに導入し成果を上げるか？</a:t>
            </a:r>
            <a:endParaRPr lang="en-US" altLang="ja-JP" sz="2000" dirty="0">
              <a:solidFill>
                <a:srgbClr val="FF0000"/>
              </a:solidFill>
              <a:latin typeface="HG創英角ﾎﾟｯﾌﾟ体" panose="040B0A09000000000000" pitchFamily="49" charset="-128"/>
              <a:ea typeface="HG創英角ﾎﾟｯﾌﾟ体" panose="040B0A09000000000000" pitchFamily="49" charset="-128"/>
            </a:endParaRPr>
          </a:p>
          <a:p>
            <a:endParaRPr lang="en-US" altLang="ja-JP" sz="2000" dirty="0">
              <a:latin typeface="HG創英角ﾎﾟｯﾌﾟ体" panose="040B0A09000000000000" pitchFamily="49" charset="-128"/>
              <a:ea typeface="HG創英角ﾎﾟｯﾌﾟ体" panose="040B0A09000000000000" pitchFamily="49" charset="-128"/>
            </a:endParaRPr>
          </a:p>
          <a:p>
            <a:r>
              <a:rPr lang="ja-JP" altLang="en-US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これを解決すべき</a:t>
            </a:r>
            <a:endParaRPr lang="en-US" altLang="ja-JP" sz="2000" dirty="0">
              <a:latin typeface="HG創英角ﾎﾟｯﾌﾟ体" panose="040B0A09000000000000" pitchFamily="49" charset="-128"/>
              <a:ea typeface="HG創英角ﾎﾟｯﾌﾟ体" panose="040B0A09000000000000" pitchFamily="49" charset="-128"/>
            </a:endParaRPr>
          </a:p>
          <a:p>
            <a:r>
              <a:rPr lang="ja-JP" altLang="en-US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「ヒト」⇒知見、経験と判断、決断力、洞察力</a:t>
            </a:r>
            <a:endParaRPr lang="en-US" altLang="ja-JP" sz="2000" dirty="0">
              <a:latin typeface="HG創英角ﾎﾟｯﾌﾟ体" panose="040B0A09000000000000" pitchFamily="49" charset="-128"/>
              <a:ea typeface="HG創英角ﾎﾟｯﾌﾟ体" panose="040B0A09000000000000" pitchFamily="49" charset="-128"/>
            </a:endParaRPr>
          </a:p>
          <a:p>
            <a:r>
              <a:rPr lang="ja-JP" altLang="en-US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「モノ」⇒有効な点検、補修材料と技術、確かな技術力</a:t>
            </a:r>
            <a:endParaRPr lang="en-US" altLang="ja-JP" sz="2000" dirty="0">
              <a:latin typeface="HG創英角ﾎﾟｯﾌﾟ体" panose="040B0A09000000000000" pitchFamily="49" charset="-128"/>
              <a:ea typeface="HG創英角ﾎﾟｯﾌﾟ体" panose="040B0A09000000000000" pitchFamily="49" charset="-128"/>
            </a:endParaRPr>
          </a:p>
          <a:p>
            <a:r>
              <a:rPr lang="ja-JP" altLang="en-US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「カネ」⇒予算の十分な確保。限られた予算でのマネジメント</a:t>
            </a:r>
            <a:endParaRPr lang="en-US" altLang="ja-JP" sz="2000" dirty="0">
              <a:latin typeface="HG創英角ﾎﾟｯﾌﾟ体" panose="040B0A09000000000000" pitchFamily="49" charset="-128"/>
              <a:ea typeface="HG創英角ﾎﾟｯﾌﾟ体" panose="040B0A09000000000000" pitchFamily="49" charset="-128"/>
            </a:endParaRPr>
          </a:p>
          <a:p>
            <a:r>
              <a:rPr lang="ja-JP" altLang="en-US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「その他」⇒あらたな「しくみ」の導入（マネジメント）</a:t>
            </a:r>
            <a:endParaRPr lang="en-US" altLang="ja-JP" sz="2000" dirty="0">
              <a:latin typeface="HG創英角ﾎﾟｯﾌﾟ体" panose="040B0A09000000000000" pitchFamily="49" charset="-128"/>
              <a:ea typeface="HG創英角ﾎﾟｯﾌﾟ体" panose="040B0A09000000000000" pitchFamily="49" charset="-128"/>
            </a:endParaRPr>
          </a:p>
          <a:p>
            <a:r>
              <a:rPr lang="ja-JP" altLang="en-US" sz="2000" dirty="0">
                <a:latin typeface="HG創英角ﾎﾟｯﾌﾟ体" panose="040B0A09000000000000" pitchFamily="49" charset="-128"/>
                <a:ea typeface="HG創英角ﾎﾟｯﾌﾟ体" panose="040B0A09000000000000" pitchFamily="49" charset="-128"/>
              </a:rPr>
              <a:t>　　　　　　十分な知見と技術力の活用、適正なアドバイザー</a:t>
            </a:r>
          </a:p>
        </p:txBody>
      </p:sp>
      <p:sp>
        <p:nvSpPr>
          <p:cNvPr id="3" name="正方形/長方形 2"/>
          <p:cNvSpPr/>
          <p:nvPr/>
        </p:nvSpPr>
        <p:spPr>
          <a:xfrm>
            <a:off x="128337" y="991578"/>
            <a:ext cx="9030032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lang="ja-JP" altLang="en-US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　　　　　　　　　　　　　　　　　　　　　　　　　　　　　　　　</a:t>
            </a:r>
            <a:endParaRPr lang="en-US" altLang="ja-JP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r>
              <a:rPr lang="ja-JP" altLang="en-US" dirty="0">
                <a:solidFill>
                  <a:srgbClr val="FF0000"/>
                </a:solidFill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手抜きの点検の議論？ではない！今のままでは、</a:t>
            </a:r>
            <a:r>
              <a:rPr lang="en-US" altLang="ja-JP" dirty="0">
                <a:solidFill>
                  <a:srgbClr val="FF0000"/>
                </a:solidFill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AI</a:t>
            </a:r>
            <a:r>
              <a:rPr lang="ja-JP" altLang="en-US" dirty="0">
                <a:solidFill>
                  <a:srgbClr val="FF0000"/>
                </a:solidFill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もドローンも新技術も使えない？</a:t>
            </a:r>
            <a:endParaRPr lang="en-US" altLang="ja-JP" sz="16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</p:txBody>
      </p:sp>
      <p:sp>
        <p:nvSpPr>
          <p:cNvPr id="4" name="正方形/長方形 3"/>
          <p:cNvSpPr/>
          <p:nvPr/>
        </p:nvSpPr>
        <p:spPr>
          <a:xfrm>
            <a:off x="128337" y="1477123"/>
            <a:ext cx="8638673" cy="95410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en-US" altLang="ja-JP" sz="28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r>
              <a:rPr lang="ja-JP" altLang="en-US" sz="28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そもそも、我々の目的は何なのか？</a:t>
            </a:r>
            <a:endParaRPr lang="en-US" altLang="ja-JP" sz="28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834375026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802" name="スライド番号プレースホルダ 1">
            <a:extLst>
              <a:ext uri="{FF2B5EF4-FFF2-40B4-BE49-F238E27FC236}">
                <a16:creationId xmlns:a16="http://schemas.microsoft.com/office/drawing/2014/main" id="{5392F1AA-0BD6-4215-8D1D-8D3683B8E8D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BE5D9ADD-6721-4B05-BF91-32CAA4B2DC27}" type="slidenum">
              <a:rPr kumimoji="0" lang="ja-JP" altLang="en-US" sz="1400">
                <a:latin typeface="Tahoma" panose="020B0604030504040204" pitchFamily="34" charset="0"/>
              </a:rPr>
              <a:pPr>
                <a:spcBef>
                  <a:spcPct val="0"/>
                </a:spcBef>
                <a:buFontTx/>
                <a:buNone/>
              </a:pPr>
              <a:t>17</a:t>
            </a:fld>
            <a:endParaRPr kumimoji="0" lang="ja-JP" altLang="en-US" sz="1400">
              <a:latin typeface="Tahoma" panose="020B0604030504040204" pitchFamily="34" charset="0"/>
            </a:endParaRPr>
          </a:p>
        </p:txBody>
      </p:sp>
      <p:grpSp>
        <p:nvGrpSpPr>
          <p:cNvPr id="76803" name="Group 2">
            <a:extLst>
              <a:ext uri="{FF2B5EF4-FFF2-40B4-BE49-F238E27FC236}">
                <a16:creationId xmlns:a16="http://schemas.microsoft.com/office/drawing/2014/main" id="{8A80867D-A513-4B5B-9C70-D308704D190A}"/>
              </a:ext>
            </a:extLst>
          </p:cNvPr>
          <p:cNvGrpSpPr>
            <a:grpSpLocks/>
          </p:cNvGrpSpPr>
          <p:nvPr/>
        </p:nvGrpSpPr>
        <p:grpSpPr bwMode="auto">
          <a:xfrm>
            <a:off x="490071" y="152631"/>
            <a:ext cx="8435500" cy="5889332"/>
            <a:chOff x="6121" y="9477"/>
            <a:chExt cx="7509" cy="4864"/>
          </a:xfrm>
        </p:grpSpPr>
        <p:sp>
          <p:nvSpPr>
            <p:cNvPr id="76806" name="Text Box 5">
              <a:extLst>
                <a:ext uri="{FF2B5EF4-FFF2-40B4-BE49-F238E27FC236}">
                  <a16:creationId xmlns:a16="http://schemas.microsoft.com/office/drawing/2014/main" id="{C2F9DF51-EB72-452E-B20F-BB0375414CD5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7842" y="10017"/>
              <a:ext cx="5780" cy="1654"/>
            </a:xfrm>
            <a:prstGeom prst="rect">
              <a:avLst/>
            </a:prstGeom>
            <a:solidFill>
              <a:schemeClr val="accent2">
                <a:lumMod val="20000"/>
                <a:lumOff val="80000"/>
              </a:schemeClr>
            </a:solidFill>
            <a:ln w="38100" algn="ctr">
              <a:solidFill>
                <a:srgbClr val="000000"/>
              </a:solidFill>
              <a:miter lim="800000"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kumimoji="1" sz="32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kumimoji="1" sz="28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kumimoji="1" sz="24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9pPr>
            </a:lstStyle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dirty="0">
                  <a:latin typeface="ＭＳ Ｐゴシック" panose="020B0600070205080204" pitchFamily="50" charset="-128"/>
                </a:rPr>
                <a:t>・スクリーニングの重要性　　ドロ－ン　等の活用</a:t>
              </a:r>
              <a:endParaRPr lang="en-US" altLang="ja-JP" sz="2000" dirty="0">
                <a:latin typeface="ＭＳ Ｐゴシック" panose="020B0600070205080204" pitchFamily="50" charset="-128"/>
              </a:endParaRPr>
            </a:p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dirty="0">
                  <a:latin typeface="ＭＳ Ｐゴシック" panose="020B0600070205080204" pitchFamily="50" charset="-128"/>
                </a:rPr>
                <a:t>・現在の「点検マニュアル」</a:t>
              </a:r>
              <a:endParaRPr lang="en-US" altLang="ja-JP" sz="2000" dirty="0">
                <a:latin typeface="ＭＳ Ｐゴシック" panose="020B0600070205080204" pitchFamily="50" charset="-128"/>
              </a:endParaRPr>
            </a:p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dirty="0">
                  <a:latin typeface="ＭＳ Ｐゴシック" panose="020B0600070205080204" pitchFamily="50" charset="-128"/>
                </a:rPr>
                <a:t>　近接目視、触診、打診では表面だけ</a:t>
              </a:r>
              <a:endParaRPr lang="en-US" altLang="ja-JP" sz="2000" b="1" dirty="0">
                <a:latin typeface="ＭＳ Ｐゴシック" panose="020B0600070205080204" pitchFamily="50" charset="-128"/>
              </a:endParaRPr>
            </a:p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b="1" dirty="0">
                  <a:latin typeface="ＭＳ Ｐゴシック" panose="020B0600070205080204" pitchFamily="50" charset="-128"/>
                </a:rPr>
                <a:t>・詳細点検の必要性、有効な方法の提案と実施</a:t>
              </a:r>
              <a:endParaRPr lang="en-US" altLang="ja-JP" sz="2000" b="1" dirty="0">
                <a:latin typeface="ＭＳ Ｐゴシック" panose="020B0600070205080204" pitchFamily="50" charset="-128"/>
              </a:endParaRPr>
            </a:p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b="1" dirty="0">
                  <a:latin typeface="ＭＳ Ｐゴシック" panose="020B0600070205080204" pitchFamily="50" charset="-128"/>
                </a:rPr>
                <a:t>　⇒これでも限度はある</a:t>
              </a:r>
              <a:endParaRPr lang="en-US" altLang="ja-JP" sz="2000" b="1" dirty="0">
                <a:latin typeface="ＭＳ Ｐゴシック" panose="020B0600070205080204" pitchFamily="50" charset="-128"/>
              </a:endParaRPr>
            </a:p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b="1" dirty="0">
                  <a:latin typeface="ＭＳ Ｐゴシック" panose="020B0600070205080204" pitchFamily="50" charset="-128"/>
                </a:rPr>
                <a:t>・現在の資格制度</a:t>
              </a:r>
              <a:endParaRPr lang="ja-JP" altLang="ja-JP" sz="2000" b="1" dirty="0">
                <a:latin typeface="Tahoma" panose="020B0604030504040204" pitchFamily="34" charset="0"/>
              </a:endParaRPr>
            </a:p>
          </p:txBody>
        </p:sp>
        <p:sp>
          <p:nvSpPr>
            <p:cNvPr id="76810" name="Text Box 9">
              <a:extLst>
                <a:ext uri="{FF2B5EF4-FFF2-40B4-BE49-F238E27FC236}">
                  <a16:creationId xmlns:a16="http://schemas.microsoft.com/office/drawing/2014/main" id="{FA2C8E8F-5507-4041-AE33-485FF2BEF32B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7834" y="11782"/>
              <a:ext cx="5780" cy="1090"/>
            </a:xfrm>
            <a:prstGeom prst="rect">
              <a:avLst/>
            </a:prstGeom>
            <a:solidFill>
              <a:schemeClr val="accent2">
                <a:lumMod val="20000"/>
                <a:lumOff val="80000"/>
              </a:schemeClr>
            </a:solidFill>
            <a:ln w="38100" algn="ctr">
              <a:solidFill>
                <a:srgbClr val="000000"/>
              </a:solidFill>
              <a:miter lim="800000"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kumimoji="1" sz="32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kumimoji="1" sz="28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kumimoji="1" sz="24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9pPr>
            </a:lstStyle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dirty="0">
                  <a:latin typeface="ＭＳ Ｐゴシック" panose="020B0600070205080204" pitchFamily="50" charset="-128"/>
                </a:rPr>
                <a:t>・</a:t>
              </a:r>
              <a:r>
                <a:rPr lang="ja-JP" altLang="en-US" sz="2000" dirty="0">
                  <a:solidFill>
                    <a:srgbClr val="FF0000"/>
                  </a:solidFill>
                  <a:latin typeface="ＭＳ Ｐゴシック" panose="020B0600070205080204" pitchFamily="50" charset="-128"/>
                </a:rPr>
                <a:t>診断は、責任が伴うので、官が行うべき</a:t>
              </a:r>
              <a:endParaRPr lang="ja-JP" altLang="en-US" sz="2000" b="1" dirty="0">
                <a:solidFill>
                  <a:srgbClr val="FF0000"/>
                </a:solidFill>
                <a:latin typeface="ＭＳ Ｐゴシック" panose="020B0600070205080204" pitchFamily="50" charset="-128"/>
              </a:endParaRPr>
            </a:p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b="1" dirty="0">
                  <a:latin typeface="ＭＳ Ｐゴシック" panose="020B0600070205080204" pitchFamily="50" charset="-128"/>
                </a:rPr>
                <a:t>・診断に必要な情報の把握</a:t>
              </a:r>
              <a:endParaRPr lang="en-US" altLang="ja-JP" sz="2000" b="1" dirty="0">
                <a:latin typeface="ＭＳ Ｐゴシック" panose="020B0600070205080204" pitchFamily="50" charset="-128"/>
              </a:endParaRPr>
            </a:p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b="1" dirty="0">
                  <a:latin typeface="ＭＳ Ｐゴシック" panose="020B0600070205080204" pitchFamily="50" charset="-128"/>
                </a:rPr>
                <a:t>　地形、地質データ、構造物の計画からの生い立ち</a:t>
              </a:r>
              <a:endParaRPr lang="en-US" altLang="ja-JP" sz="2000" b="1" dirty="0">
                <a:latin typeface="ＭＳ Ｐゴシック" panose="020B0600070205080204" pitchFamily="50" charset="-128"/>
              </a:endParaRPr>
            </a:p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b="1" dirty="0">
                  <a:latin typeface="ＭＳ Ｐゴシック" panose="020B0600070205080204" pitchFamily="50" charset="-128"/>
                </a:rPr>
                <a:t>　設計施工履歴</a:t>
              </a:r>
              <a:endParaRPr lang="ja-JP" altLang="ja-JP" sz="2000" b="1" dirty="0">
                <a:latin typeface="Tahoma" panose="020B0604030504040204" pitchFamily="34" charset="0"/>
              </a:endParaRPr>
            </a:p>
          </p:txBody>
        </p:sp>
        <p:sp>
          <p:nvSpPr>
            <p:cNvPr id="76811" name="Text Box 10">
              <a:extLst>
                <a:ext uri="{FF2B5EF4-FFF2-40B4-BE49-F238E27FC236}">
                  <a16:creationId xmlns:a16="http://schemas.microsoft.com/office/drawing/2014/main" id="{0DBCA17A-24CB-4963-81CA-74C62DE3F5C0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7834" y="12983"/>
              <a:ext cx="5788" cy="1358"/>
            </a:xfrm>
            <a:prstGeom prst="rect">
              <a:avLst/>
            </a:prstGeom>
            <a:solidFill>
              <a:schemeClr val="accent2">
                <a:lumMod val="20000"/>
                <a:lumOff val="80000"/>
              </a:schemeClr>
            </a:solidFill>
            <a:ln w="38100" algn="ctr">
              <a:solidFill>
                <a:srgbClr val="000000"/>
              </a:solidFill>
              <a:miter lim="800000"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kumimoji="1" sz="32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kumimoji="1" sz="28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kumimoji="1" sz="24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9pPr>
            </a:lstStyle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b="1" dirty="0">
                  <a:latin typeface="ＭＳ Ｐゴシック" panose="020B0600070205080204" pitchFamily="50" charset="-128"/>
                </a:rPr>
                <a:t>・補修の材料</a:t>
              </a:r>
              <a:endParaRPr lang="en-US" altLang="ja-JP" sz="2000" b="1" dirty="0">
                <a:latin typeface="ＭＳ Ｐゴシック" panose="020B0600070205080204" pitchFamily="50" charset="-128"/>
              </a:endParaRPr>
            </a:p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b="1" dirty="0">
                  <a:latin typeface="Tahoma" panose="020B0604030504040204" pitchFamily="34" charset="0"/>
                </a:rPr>
                <a:t>　メーカー（代理店）のカタログ値で提案していないか？</a:t>
              </a:r>
              <a:endParaRPr lang="en-US" altLang="ja-JP" sz="2000" b="1" dirty="0">
                <a:latin typeface="Tahoma" panose="020B0604030504040204" pitchFamily="34" charset="0"/>
              </a:endParaRPr>
            </a:p>
            <a:p>
              <a:pPr algn="just">
                <a:lnSpc>
                  <a:spcPct val="96000"/>
                </a:lnSpc>
                <a:spcBef>
                  <a:spcPct val="0"/>
                </a:spcBef>
                <a:buNone/>
              </a:pPr>
              <a:r>
                <a:rPr lang="ja-JP" altLang="en-US" sz="2000" b="1" dirty="0">
                  <a:latin typeface="ＭＳ Ｐゴシック" panose="020B0600070205080204" pitchFamily="50" charset="-128"/>
                </a:rPr>
                <a:t>・補修後の効果持続期間（再劣化時間）</a:t>
              </a:r>
            </a:p>
            <a:p>
              <a:pPr algn="just">
                <a:lnSpc>
                  <a:spcPct val="96000"/>
                </a:lnSpc>
                <a:spcBef>
                  <a:spcPct val="0"/>
                </a:spcBef>
                <a:buNone/>
              </a:pPr>
              <a:r>
                <a:rPr lang="ja-JP" altLang="en-US" sz="2000" b="1" dirty="0">
                  <a:latin typeface="ＭＳ Ｐゴシック" panose="020B0600070205080204" pitchFamily="50" charset="-128"/>
                </a:rPr>
                <a:t>・何処まで効果があるのか</a:t>
              </a:r>
              <a:endParaRPr lang="en-US" altLang="ja-JP" sz="2000" b="1" dirty="0">
                <a:latin typeface="Tahoma" panose="020B0604030504040204" pitchFamily="34" charset="0"/>
              </a:endParaRPr>
            </a:p>
            <a:p>
              <a:pPr algn="just" eaLnBrk="1" hangingPunct="1">
                <a:lnSpc>
                  <a:spcPct val="96000"/>
                </a:lnSpc>
                <a:spcBef>
                  <a:spcPct val="0"/>
                </a:spcBef>
                <a:buFontTx/>
                <a:buNone/>
              </a:pPr>
              <a:r>
                <a:rPr lang="ja-JP" altLang="en-US" sz="2000" b="1" dirty="0">
                  <a:latin typeface="Tahoma" panose="020B0604030504040204" pitchFamily="34" charset="0"/>
                </a:rPr>
                <a:t>・経過観察の覚悟</a:t>
              </a:r>
              <a:endParaRPr lang="ja-JP" altLang="ja-JP" sz="2000" b="1" dirty="0">
                <a:latin typeface="Tahoma" panose="020B0604030504040204" pitchFamily="34" charset="0"/>
              </a:endParaRPr>
            </a:p>
          </p:txBody>
        </p:sp>
        <p:sp>
          <p:nvSpPr>
            <p:cNvPr id="76819" name="Text Box 18">
              <a:extLst>
                <a:ext uri="{FF2B5EF4-FFF2-40B4-BE49-F238E27FC236}">
                  <a16:creationId xmlns:a16="http://schemas.microsoft.com/office/drawing/2014/main" id="{26E31013-AF6D-44D1-8904-DE440A84C61A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6121" y="9477"/>
              <a:ext cx="7509" cy="476"/>
            </a:xfrm>
            <a:prstGeom prst="rect">
              <a:avLst/>
            </a:prstGeom>
            <a:solidFill>
              <a:srgbClr val="FFFFFF"/>
            </a:solidFill>
            <a:ln w="15875" algn="ctr">
              <a:solidFill>
                <a:srgbClr val="000000"/>
              </a:solidFill>
              <a:miter lim="800000"/>
              <a:headEnd/>
              <a:tailEnd/>
            </a:ln>
          </p:spPr>
          <p:txBody>
            <a:bodyPr tIns="28800"/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kumimoji="1" sz="32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kumimoji="1" sz="28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kumimoji="1" sz="24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kumimoji="1" sz="2000">
                  <a:solidFill>
                    <a:schemeClr val="tx1"/>
                  </a:solidFill>
                  <a:latin typeface="Calibri" panose="020F0502020204030204" pitchFamily="34" charset="0"/>
                  <a:ea typeface="ＭＳ Ｐゴシック" panose="020B0600070205080204" pitchFamily="50" charset="-128"/>
                </a:defRPr>
              </a:lvl9pPr>
            </a:lstStyle>
            <a:p>
              <a:pPr algn="ctr" eaLnBrk="1" hangingPunct="1">
                <a:spcBef>
                  <a:spcPct val="0"/>
                </a:spcBef>
                <a:buFontTx/>
                <a:buNone/>
              </a:pPr>
              <a:r>
                <a:rPr lang="ja-JP" altLang="en-US" sz="2800" dirty="0">
                  <a:latin typeface="ＭＳ Ｐゴシック" panose="020B0600070205080204" pitchFamily="50" charset="-128"/>
                </a:rPr>
                <a:t>世の中が本当に困っていること</a:t>
              </a:r>
              <a:endParaRPr lang="ja-JP" altLang="ja-JP" sz="2800" dirty="0">
                <a:latin typeface="Tahoma" panose="020B0604030504040204" pitchFamily="34" charset="0"/>
              </a:endParaRPr>
            </a:p>
          </p:txBody>
        </p:sp>
      </p:grpSp>
      <p:sp>
        <p:nvSpPr>
          <p:cNvPr id="21" name="AutoShape 7">
            <a:extLst>
              <a:ext uri="{FF2B5EF4-FFF2-40B4-BE49-F238E27FC236}">
                <a16:creationId xmlns:a16="http://schemas.microsoft.com/office/drawing/2014/main" id="{2CE5EAA3-843A-462B-A0CB-33CC896D0E2C}"/>
              </a:ext>
            </a:extLst>
          </p:cNvPr>
          <p:cNvSpPr>
            <a:spLocks noChangeArrowheads="1"/>
          </p:cNvSpPr>
          <p:nvPr/>
        </p:nvSpPr>
        <p:spPr bwMode="auto">
          <a:xfrm>
            <a:off x="1970358" y="3236064"/>
            <a:ext cx="316144" cy="621141"/>
          </a:xfrm>
          <a:prstGeom prst="rightArrow">
            <a:avLst>
              <a:gd name="adj1" fmla="val 50102"/>
              <a:gd name="adj2" fmla="val 37231"/>
            </a:avLst>
          </a:prstGeom>
          <a:solidFill>
            <a:srgbClr val="FFFFFF"/>
          </a:solidFill>
          <a:ln w="9525" algn="ctr">
            <a:solidFill>
              <a:srgbClr val="000000"/>
            </a:solidFill>
            <a:miter lim="800000"/>
            <a:headEnd/>
            <a:tailEnd/>
          </a:ln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endParaRPr lang="ja-JP" altLang="en-US" sz="1800">
              <a:latin typeface="Arial" panose="020B0604020202020204" pitchFamily="34" charset="0"/>
            </a:endParaRPr>
          </a:p>
        </p:txBody>
      </p:sp>
      <p:sp>
        <p:nvSpPr>
          <p:cNvPr id="23" name="楕円 22">
            <a:extLst>
              <a:ext uri="{FF2B5EF4-FFF2-40B4-BE49-F238E27FC236}">
                <a16:creationId xmlns:a16="http://schemas.microsoft.com/office/drawing/2014/main" id="{F6D023F6-5D60-4045-9610-07916C4E5F19}"/>
              </a:ext>
            </a:extLst>
          </p:cNvPr>
          <p:cNvSpPr/>
          <p:nvPr/>
        </p:nvSpPr>
        <p:spPr>
          <a:xfrm>
            <a:off x="195961" y="1095347"/>
            <a:ext cx="1728192" cy="914400"/>
          </a:xfrm>
          <a:prstGeom prst="ellipse">
            <a:avLst/>
          </a:prstGeom>
          <a:solidFill>
            <a:srgbClr val="FF0000"/>
          </a:solidFill>
          <a:ln w="38100"/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kumimoji="1" lang="ja-JP" altLang="en-US" sz="2000" b="1"/>
              <a:t>点検</a:t>
            </a:r>
            <a:endParaRPr kumimoji="1" lang="ja-JP" altLang="en-US" sz="2000" b="1" dirty="0"/>
          </a:p>
        </p:txBody>
      </p:sp>
      <p:sp>
        <p:nvSpPr>
          <p:cNvPr id="24" name="楕円 23">
            <a:extLst>
              <a:ext uri="{FF2B5EF4-FFF2-40B4-BE49-F238E27FC236}">
                <a16:creationId xmlns:a16="http://schemas.microsoft.com/office/drawing/2014/main" id="{D7532648-05DA-499E-B38A-4528B277EE1C}"/>
              </a:ext>
            </a:extLst>
          </p:cNvPr>
          <p:cNvSpPr/>
          <p:nvPr/>
        </p:nvSpPr>
        <p:spPr>
          <a:xfrm>
            <a:off x="114238" y="2971800"/>
            <a:ext cx="1728192" cy="914400"/>
          </a:xfrm>
          <a:prstGeom prst="ellipse">
            <a:avLst/>
          </a:prstGeom>
          <a:solidFill>
            <a:srgbClr val="FFFF00"/>
          </a:solidFill>
          <a:ln w="38100"/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kumimoji="1" lang="ja-JP" altLang="en-US" sz="2000" b="1" dirty="0"/>
              <a:t>診断</a:t>
            </a:r>
          </a:p>
        </p:txBody>
      </p:sp>
      <p:sp>
        <p:nvSpPr>
          <p:cNvPr id="25" name="楕円 24">
            <a:extLst>
              <a:ext uri="{FF2B5EF4-FFF2-40B4-BE49-F238E27FC236}">
                <a16:creationId xmlns:a16="http://schemas.microsoft.com/office/drawing/2014/main" id="{97E66E59-CD8D-4FA4-A908-1E839F5DDE39}"/>
              </a:ext>
            </a:extLst>
          </p:cNvPr>
          <p:cNvSpPr/>
          <p:nvPr/>
        </p:nvSpPr>
        <p:spPr>
          <a:xfrm>
            <a:off x="201623" y="4626323"/>
            <a:ext cx="1728192" cy="914400"/>
          </a:xfrm>
          <a:prstGeom prst="ellipse">
            <a:avLst/>
          </a:prstGeom>
          <a:solidFill>
            <a:srgbClr val="FF9900"/>
          </a:solidFill>
          <a:ln w="38100"/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kumimoji="1" lang="ja-JP" altLang="en-US" sz="2000" b="1" dirty="0"/>
              <a:t>補修</a:t>
            </a:r>
          </a:p>
        </p:txBody>
      </p:sp>
      <p:sp>
        <p:nvSpPr>
          <p:cNvPr id="12" name="Text Box 18">
            <a:extLst>
              <a:ext uri="{FF2B5EF4-FFF2-40B4-BE49-F238E27FC236}">
                <a16:creationId xmlns:a16="http://schemas.microsoft.com/office/drawing/2014/main" id="{C2DC4EEE-172D-42B9-8283-A2EE85F1E3E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54250" y="6176362"/>
            <a:ext cx="8435500" cy="576341"/>
          </a:xfrm>
          <a:prstGeom prst="rect">
            <a:avLst/>
          </a:prstGeom>
          <a:solidFill>
            <a:schemeClr val="accent1">
              <a:lumMod val="40000"/>
              <a:lumOff val="60000"/>
            </a:schemeClr>
          </a:solidFill>
          <a:ln w="15875" algn="ctr">
            <a:solidFill>
              <a:srgbClr val="000000"/>
            </a:solidFill>
            <a:miter lim="800000"/>
            <a:headEnd/>
            <a:tailEnd/>
          </a:ln>
        </p:spPr>
        <p:txBody>
          <a:bodyPr tIns="28800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2800" dirty="0">
                <a:latin typeface="ＭＳ Ｐゴシック" panose="020B0600070205080204" pitchFamily="50" charset="-128"/>
              </a:rPr>
              <a:t>いずれも、土木技術者の責務において議論すべき！</a:t>
            </a:r>
            <a:endParaRPr lang="ja-JP" altLang="ja-JP" sz="2800" dirty="0">
              <a:latin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8452452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698" name="Picture 2" descr="\\SVFS01.toyama-city.local\リダイレクト\114551\Desktop\CIM画像\１全体鳥瞰\1(1)施工前　鳥瞰.jpg">
            <a:extLst>
              <a:ext uri="{FF2B5EF4-FFF2-40B4-BE49-F238E27FC236}">
                <a16:creationId xmlns:a16="http://schemas.microsoft.com/office/drawing/2014/main" id="{E4775143-44FB-4009-BBC5-707606B9C5A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-1588"/>
            <a:ext cx="4025900" cy="20875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699" name="Picture 4" descr="\\SVFS01.toyama-city.local\リダイレクト\114551\Desktop\CIM画像\４新設橋桁架設工\4 南側　桁架設工.jpg">
            <a:extLst>
              <a:ext uri="{FF2B5EF4-FFF2-40B4-BE49-F238E27FC236}">
                <a16:creationId xmlns:a16="http://schemas.microsoft.com/office/drawing/2014/main" id="{A2BFC5FC-41E7-4FCA-881E-30A50983093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175" y="2298700"/>
            <a:ext cx="4013200" cy="1819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700" name="Picture 5" descr="\\SVFS01.toyama-city.local\リダイレクト\114551\Desktop\CIM画像\６鉄筋\6(2)鉄筋・隅角部　鉄筋属性の表示.jpg">
            <a:extLst>
              <a:ext uri="{FF2B5EF4-FFF2-40B4-BE49-F238E27FC236}">
                <a16:creationId xmlns:a16="http://schemas.microsoft.com/office/drawing/2014/main" id="{0D961D28-194A-4403-BE11-DD661FF4C0E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56100" y="871538"/>
            <a:ext cx="4589463" cy="24272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9701" name="Picture 6" descr="\\SVFS01.toyama-city.local\リダイレクト\114551\Desktop\CIM画像\７地下埋設物\7(1)埋設物・下部工.jpg">
            <a:extLst>
              <a:ext uri="{FF2B5EF4-FFF2-40B4-BE49-F238E27FC236}">
                <a16:creationId xmlns:a16="http://schemas.microsoft.com/office/drawing/2014/main" id="{8D6B86CE-DC2C-4C2C-BE7A-B960657335F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56100" y="3500438"/>
            <a:ext cx="4648200" cy="21066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9702" name="テキスト ボックス 2">
            <a:extLst>
              <a:ext uri="{FF2B5EF4-FFF2-40B4-BE49-F238E27FC236}">
                <a16:creationId xmlns:a16="http://schemas.microsoft.com/office/drawing/2014/main" id="{953D5207-FB8C-4042-97A9-90C006DA991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8350" y="115888"/>
            <a:ext cx="3870325" cy="7078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en-US" altLang="ja-JP" sz="4000" dirty="0">
                <a:latin typeface="Arial" panose="020B0604020202020204" pitchFamily="34" charset="0"/>
              </a:rPr>
              <a:t>BIM/CIM</a:t>
            </a:r>
            <a:r>
              <a:rPr lang="ja-JP" altLang="en-US" sz="4000" dirty="0">
                <a:latin typeface="Arial" panose="020B0604020202020204" pitchFamily="34" charset="0"/>
              </a:rPr>
              <a:t>⇒</a:t>
            </a:r>
            <a:r>
              <a:rPr lang="en-US" altLang="ja-JP" sz="4000" dirty="0">
                <a:latin typeface="Arial" panose="020B0604020202020204" pitchFamily="34" charset="0"/>
              </a:rPr>
              <a:t>DX</a:t>
            </a:r>
            <a:endParaRPr lang="ja-JP" altLang="en-US" sz="2400" dirty="0">
              <a:latin typeface="Arial" panose="020B0604020202020204" pitchFamily="34" charset="0"/>
            </a:endParaRPr>
          </a:p>
        </p:txBody>
      </p:sp>
      <p:pic>
        <p:nvPicPr>
          <p:cNvPr id="29703" name="Picture 2">
            <a:extLst>
              <a:ext uri="{FF2B5EF4-FFF2-40B4-BE49-F238E27FC236}">
                <a16:creationId xmlns:a16="http://schemas.microsoft.com/office/drawing/2014/main" id="{1F8E50CA-317D-492F-A227-1DAF575E2F2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" t="16476" r="-15" b="8540"/>
          <a:stretch>
            <a:fillRect/>
          </a:stretch>
        </p:blipFill>
        <p:spPr bwMode="auto">
          <a:xfrm>
            <a:off x="0" y="4273550"/>
            <a:ext cx="4170363" cy="22764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9704" name="テキスト ボックス 2">
            <a:extLst>
              <a:ext uri="{FF2B5EF4-FFF2-40B4-BE49-F238E27FC236}">
                <a16:creationId xmlns:a16="http://schemas.microsoft.com/office/drawing/2014/main" id="{66E17F09-8753-45F9-A77C-080846D2E43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54538" y="5732463"/>
            <a:ext cx="3870325" cy="8302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en-US" altLang="ja-JP" sz="2400">
                <a:latin typeface="Arial" panose="020B0604020202020204" pitchFamily="34" charset="0"/>
              </a:rPr>
              <a:t>Construction</a:t>
            </a:r>
            <a:r>
              <a:rPr lang="ja-JP" altLang="en-US" sz="2400">
                <a:latin typeface="Arial" panose="020B0604020202020204" pitchFamily="34" charset="0"/>
              </a:rPr>
              <a:t>　</a:t>
            </a:r>
            <a:r>
              <a:rPr lang="en-US" altLang="ja-JP" sz="2400">
                <a:latin typeface="Arial" panose="020B0604020202020204" pitchFamily="34" charset="0"/>
              </a:rPr>
              <a:t>information</a:t>
            </a:r>
            <a:r>
              <a:rPr lang="ja-JP" altLang="en-US" sz="2400">
                <a:latin typeface="Arial" panose="020B0604020202020204" pitchFamily="34" charset="0"/>
              </a:rPr>
              <a:t>　</a:t>
            </a:r>
            <a:r>
              <a:rPr lang="en-US" altLang="ja-JP" sz="2400">
                <a:latin typeface="Arial" panose="020B0604020202020204" pitchFamily="34" charset="0"/>
              </a:rPr>
              <a:t>Modeling</a:t>
            </a:r>
            <a:endParaRPr lang="ja-JP" altLang="en-US" sz="2400"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73753492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8E52AC40-DD26-4104-B62B-BE6417D0F03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982924"/>
            <a:ext cx="9144000" cy="489215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86285533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56E4F353-4848-44FD-A0C9-3DDE7FD8DF8E}"/>
              </a:ext>
            </a:extLst>
          </p:cNvPr>
          <p:cNvSpPr txBox="1"/>
          <p:nvPr/>
        </p:nvSpPr>
        <p:spPr>
          <a:xfrm>
            <a:off x="395536" y="980728"/>
            <a:ext cx="7848872" cy="4031873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altLang="ja-JP" sz="3200" b="0" i="0" dirty="0">
                <a:solidFill>
                  <a:srgbClr val="666666"/>
                </a:solidFill>
                <a:effectLst/>
                <a:latin typeface="ヒラギノ角ゴ Pro W3"/>
              </a:rPr>
              <a:t>I-CON</a:t>
            </a:r>
            <a:r>
              <a:rPr lang="ja-JP" altLang="en-US" sz="3200" b="0" i="0" dirty="0">
                <a:solidFill>
                  <a:srgbClr val="666666"/>
                </a:solidFill>
                <a:effectLst/>
                <a:latin typeface="ヒラギノ角ゴ Pro W3"/>
              </a:rPr>
              <a:t>とは？</a:t>
            </a:r>
            <a:endParaRPr lang="en-US" altLang="ja-JP" sz="3200" b="0" i="0" dirty="0">
              <a:solidFill>
                <a:srgbClr val="666666"/>
              </a:solidFill>
              <a:effectLst/>
              <a:latin typeface="ヒラギノ角ゴ Pro W3"/>
            </a:endParaRPr>
          </a:p>
          <a:p>
            <a:endParaRPr lang="en-US" altLang="ja-JP" sz="3200" b="0" i="0" dirty="0">
              <a:solidFill>
                <a:srgbClr val="666666"/>
              </a:solidFill>
              <a:effectLst/>
              <a:latin typeface="ヒラギノ角ゴ Pro W3"/>
            </a:endParaRPr>
          </a:p>
          <a:p>
            <a:r>
              <a:rPr lang="en-US" altLang="ja-JP" sz="3200" b="0" i="0" dirty="0">
                <a:solidFill>
                  <a:srgbClr val="666666"/>
                </a:solidFill>
                <a:effectLst/>
                <a:latin typeface="ヒラギノ角ゴ Pro W3"/>
              </a:rPr>
              <a:t>ICT</a:t>
            </a:r>
            <a:r>
              <a:rPr lang="ja-JP" altLang="en-US" sz="3200" b="0" i="0" dirty="0">
                <a:solidFill>
                  <a:srgbClr val="666666"/>
                </a:solidFill>
                <a:effectLst/>
                <a:latin typeface="ヒラギノ角ゴ Pro W3"/>
              </a:rPr>
              <a:t>の全面的な活用等の施策を建設現場に導入することによって、建設生産システム全体の生産性向上を図り、もって魅力ある建設現場を目指す取組である</a:t>
            </a:r>
            <a:endParaRPr lang="en-US" altLang="ja-JP" sz="3200" b="0" i="0" dirty="0">
              <a:solidFill>
                <a:srgbClr val="666666"/>
              </a:solidFill>
              <a:effectLst/>
              <a:latin typeface="ヒラギノ角ゴ Pro W3"/>
            </a:endParaRPr>
          </a:p>
          <a:p>
            <a:r>
              <a:rPr lang="ja-JP" altLang="en-US" sz="3200" b="0" i="0" dirty="0">
                <a:solidFill>
                  <a:srgbClr val="333333"/>
                </a:solidFill>
                <a:effectLst/>
                <a:latin typeface="ヒラギノ角ゴ Pro W3"/>
              </a:rPr>
              <a:t>オープンデータなどによる建設現場の生産性向上策ｉ－Ｃｏｎｓｔｒｕｃｔｉｏｎもさらに推進。</a:t>
            </a:r>
            <a:endParaRPr lang="ja-JP" altLang="en-US" sz="3200" dirty="0"/>
          </a:p>
        </p:txBody>
      </p:sp>
    </p:spTree>
    <p:extLst>
      <p:ext uri="{BB962C8B-B14F-4D97-AF65-F5344CB8AC3E}">
        <p14:creationId xmlns:p14="http://schemas.microsoft.com/office/powerpoint/2010/main" val="3021882471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FA8A5F02-D098-4DAD-AE69-F63C2E9E5B0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904757"/>
            <a:ext cx="9144000" cy="504848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93102538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5211DF6E-736E-4688-85AF-55C979C5563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652688"/>
            <a:ext cx="9144000" cy="555262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76282072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FFE65DB9-A61F-40ED-9B4A-A4B9B6EB4AF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855592"/>
            <a:ext cx="9144000" cy="514681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55264182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BA9858D6-C146-482C-899A-0BE7AE40AB1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932315"/>
            <a:ext cx="9144000" cy="499336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20141141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8F151B3E-AF09-4AEC-A629-8D0D67009D9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393400"/>
            <a:ext cx="9144000" cy="60711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72979103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6F3E391E-D447-4A33-AA27-2A85C20C3532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530499"/>
            <a:ext cx="9144000" cy="579700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47660403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0828268B-508A-4E50-88A8-72AD078A402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247497"/>
            <a:ext cx="9144000" cy="636300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24084916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825E6BC6-AD15-420F-992C-89C2347D4676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959329"/>
            <a:ext cx="9144000" cy="493934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7223516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テキスト ボックス 1">
            <a:extLst>
              <a:ext uri="{FF2B5EF4-FFF2-40B4-BE49-F238E27FC236}">
                <a16:creationId xmlns:a16="http://schemas.microsoft.com/office/drawing/2014/main" id="{1D2483CE-52C5-40B5-951B-27F3BD75B56E}"/>
              </a:ext>
            </a:extLst>
          </p:cNvPr>
          <p:cNvSpPr txBox="1"/>
          <p:nvPr/>
        </p:nvSpPr>
        <p:spPr>
          <a:xfrm>
            <a:off x="3671753" y="1161599"/>
            <a:ext cx="1800493" cy="369332"/>
          </a:xfrm>
          <a:prstGeom prst="rect">
            <a:avLst/>
          </a:prstGeom>
          <a:noFill/>
          <a:ln w="38100"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調査・測量・設計</a:t>
            </a: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7A58253C-08F8-4704-8C65-C7F188AFEBEC}"/>
              </a:ext>
            </a:extLst>
          </p:cNvPr>
          <p:cNvSpPr txBox="1"/>
          <p:nvPr/>
        </p:nvSpPr>
        <p:spPr>
          <a:xfrm>
            <a:off x="6300192" y="2492896"/>
            <a:ext cx="1107996" cy="369332"/>
          </a:xfrm>
          <a:prstGeom prst="rect">
            <a:avLst/>
          </a:prstGeom>
          <a:noFill/>
          <a:ln w="38100"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施工計画</a:t>
            </a:r>
            <a:endParaRPr kumimoji="1" lang="en-US" altLang="ja-JP" dirty="0"/>
          </a:p>
        </p:txBody>
      </p:sp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BE87FAAA-CB02-455C-B090-AED62EB24C9E}"/>
              </a:ext>
            </a:extLst>
          </p:cNvPr>
          <p:cNvSpPr txBox="1"/>
          <p:nvPr/>
        </p:nvSpPr>
        <p:spPr>
          <a:xfrm>
            <a:off x="6271605" y="4437112"/>
            <a:ext cx="646331" cy="369332"/>
          </a:xfrm>
          <a:prstGeom prst="rect">
            <a:avLst/>
          </a:prstGeom>
          <a:noFill/>
          <a:ln w="38100"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施工</a:t>
            </a:r>
          </a:p>
        </p:txBody>
      </p:sp>
      <p:sp>
        <p:nvSpPr>
          <p:cNvPr id="5" name="テキスト ボックス 4">
            <a:extLst>
              <a:ext uri="{FF2B5EF4-FFF2-40B4-BE49-F238E27FC236}">
                <a16:creationId xmlns:a16="http://schemas.microsoft.com/office/drawing/2014/main" id="{E5D7DA03-E136-4120-BBF3-ED907EB7AF15}"/>
              </a:ext>
            </a:extLst>
          </p:cNvPr>
          <p:cNvSpPr txBox="1"/>
          <p:nvPr/>
        </p:nvSpPr>
        <p:spPr>
          <a:xfrm>
            <a:off x="4067944" y="5748840"/>
            <a:ext cx="1107996" cy="369332"/>
          </a:xfrm>
          <a:prstGeom prst="rect">
            <a:avLst/>
          </a:prstGeom>
          <a:noFill/>
          <a:ln w="38100"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施工完了</a:t>
            </a:r>
          </a:p>
        </p:txBody>
      </p:sp>
      <p:sp>
        <p:nvSpPr>
          <p:cNvPr id="6" name="テキスト ボックス 5">
            <a:extLst>
              <a:ext uri="{FF2B5EF4-FFF2-40B4-BE49-F238E27FC236}">
                <a16:creationId xmlns:a16="http://schemas.microsoft.com/office/drawing/2014/main" id="{52D83903-842F-4DFF-AE6A-3BCAD998D63A}"/>
              </a:ext>
            </a:extLst>
          </p:cNvPr>
          <p:cNvSpPr txBox="1"/>
          <p:nvPr/>
        </p:nvSpPr>
        <p:spPr>
          <a:xfrm>
            <a:off x="1238611" y="4601489"/>
            <a:ext cx="1176701" cy="369332"/>
          </a:xfrm>
          <a:prstGeom prst="rect">
            <a:avLst/>
          </a:prstGeom>
          <a:noFill/>
          <a:ln w="38100"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ja-JP" altLang="en-US" dirty="0"/>
              <a:t>維持管理</a:t>
            </a:r>
            <a:endParaRPr kumimoji="1" lang="ja-JP" altLang="en-US" dirty="0"/>
          </a:p>
        </p:txBody>
      </p:sp>
      <p:sp>
        <p:nvSpPr>
          <p:cNvPr id="11" name="矢印: 下カーブ 10">
            <a:extLst>
              <a:ext uri="{FF2B5EF4-FFF2-40B4-BE49-F238E27FC236}">
                <a16:creationId xmlns:a16="http://schemas.microsoft.com/office/drawing/2014/main" id="{32FF8CE3-C7B8-43CC-9D2B-23FA0FC86A4B}"/>
              </a:ext>
            </a:extLst>
          </p:cNvPr>
          <p:cNvSpPr/>
          <p:nvPr/>
        </p:nvSpPr>
        <p:spPr>
          <a:xfrm rot="2055623">
            <a:off x="5720136" y="1366130"/>
            <a:ext cx="1749269" cy="510184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sp>
        <p:nvSpPr>
          <p:cNvPr id="12" name="矢印: 下カーブ 11">
            <a:extLst>
              <a:ext uri="{FF2B5EF4-FFF2-40B4-BE49-F238E27FC236}">
                <a16:creationId xmlns:a16="http://schemas.microsoft.com/office/drawing/2014/main" id="{A353D8F1-CE9E-4F67-9D20-FD380CCC9195}"/>
              </a:ext>
            </a:extLst>
          </p:cNvPr>
          <p:cNvSpPr/>
          <p:nvPr/>
        </p:nvSpPr>
        <p:spPr>
          <a:xfrm rot="6424458">
            <a:off x="6633099" y="3372236"/>
            <a:ext cx="1782031" cy="583651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sp>
        <p:nvSpPr>
          <p:cNvPr id="13" name="矢印: 下カーブ 12">
            <a:extLst>
              <a:ext uri="{FF2B5EF4-FFF2-40B4-BE49-F238E27FC236}">
                <a16:creationId xmlns:a16="http://schemas.microsoft.com/office/drawing/2014/main" id="{A9B91C2E-9D55-461B-BA65-26FDF74C26DA}"/>
              </a:ext>
            </a:extLst>
          </p:cNvPr>
          <p:cNvSpPr/>
          <p:nvPr/>
        </p:nvSpPr>
        <p:spPr>
          <a:xfrm rot="8103611">
            <a:off x="5736638" y="5380880"/>
            <a:ext cx="1749269" cy="510184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sp>
        <p:nvSpPr>
          <p:cNvPr id="14" name="矢印: 下カーブ 13">
            <a:extLst>
              <a:ext uri="{FF2B5EF4-FFF2-40B4-BE49-F238E27FC236}">
                <a16:creationId xmlns:a16="http://schemas.microsoft.com/office/drawing/2014/main" id="{EC05719D-53BA-4535-8646-C86FB125ABE7}"/>
              </a:ext>
            </a:extLst>
          </p:cNvPr>
          <p:cNvSpPr/>
          <p:nvPr/>
        </p:nvSpPr>
        <p:spPr>
          <a:xfrm rot="12496492">
            <a:off x="1843443" y="5540284"/>
            <a:ext cx="1749269" cy="510184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sp>
        <p:nvSpPr>
          <p:cNvPr id="15" name="矢印: 下カーブ 14">
            <a:extLst>
              <a:ext uri="{FF2B5EF4-FFF2-40B4-BE49-F238E27FC236}">
                <a16:creationId xmlns:a16="http://schemas.microsoft.com/office/drawing/2014/main" id="{6BC18CA8-3C7C-437C-B654-388F059DD996}"/>
              </a:ext>
            </a:extLst>
          </p:cNvPr>
          <p:cNvSpPr/>
          <p:nvPr/>
        </p:nvSpPr>
        <p:spPr>
          <a:xfrm rot="15915880">
            <a:off x="32937" y="3133288"/>
            <a:ext cx="1925089" cy="423372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sp>
        <p:nvSpPr>
          <p:cNvPr id="16" name="テキスト ボックス 15">
            <a:extLst>
              <a:ext uri="{FF2B5EF4-FFF2-40B4-BE49-F238E27FC236}">
                <a16:creationId xmlns:a16="http://schemas.microsoft.com/office/drawing/2014/main" id="{4DAD3D6C-26B4-42D7-8B56-991438EAADE4}"/>
              </a:ext>
            </a:extLst>
          </p:cNvPr>
          <p:cNvSpPr txBox="1"/>
          <p:nvPr/>
        </p:nvSpPr>
        <p:spPr>
          <a:xfrm>
            <a:off x="1126985" y="1942206"/>
            <a:ext cx="1176701" cy="369332"/>
          </a:xfrm>
          <a:prstGeom prst="rect">
            <a:avLst/>
          </a:prstGeom>
          <a:noFill/>
          <a:ln w="38100"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ja-JP" altLang="en-US" dirty="0"/>
              <a:t>将来計画</a:t>
            </a:r>
            <a:endParaRPr kumimoji="1" lang="ja-JP" altLang="en-US" dirty="0"/>
          </a:p>
        </p:txBody>
      </p:sp>
      <p:sp>
        <p:nvSpPr>
          <p:cNvPr id="17" name="矢印: 下カーブ 16">
            <a:extLst>
              <a:ext uri="{FF2B5EF4-FFF2-40B4-BE49-F238E27FC236}">
                <a16:creationId xmlns:a16="http://schemas.microsoft.com/office/drawing/2014/main" id="{604391D0-DC4C-46F7-88D2-921DF6CE17B8}"/>
              </a:ext>
            </a:extLst>
          </p:cNvPr>
          <p:cNvSpPr/>
          <p:nvPr/>
        </p:nvSpPr>
        <p:spPr>
          <a:xfrm rot="19570475">
            <a:off x="1957358" y="1022182"/>
            <a:ext cx="1590765" cy="459445"/>
          </a:xfrm>
          <a:prstGeom prst="curved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sp>
        <p:nvSpPr>
          <p:cNvPr id="18" name="テキスト ボックス 17">
            <a:extLst>
              <a:ext uri="{FF2B5EF4-FFF2-40B4-BE49-F238E27FC236}">
                <a16:creationId xmlns:a16="http://schemas.microsoft.com/office/drawing/2014/main" id="{F9BB6E00-C0F5-4DB9-AE36-EBB73719C3C7}"/>
              </a:ext>
            </a:extLst>
          </p:cNvPr>
          <p:cNvSpPr txBox="1"/>
          <p:nvPr/>
        </p:nvSpPr>
        <p:spPr>
          <a:xfrm>
            <a:off x="3653560" y="1661899"/>
            <a:ext cx="1893467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干渉チェック</a:t>
            </a:r>
            <a:endParaRPr kumimoji="1" lang="en-US" altLang="ja-JP" dirty="0"/>
          </a:p>
          <a:p>
            <a:r>
              <a:rPr lang="ja-JP" altLang="en-US" dirty="0"/>
              <a:t>設計ミス削減</a:t>
            </a:r>
            <a:endParaRPr lang="en-US" altLang="ja-JP" dirty="0"/>
          </a:p>
          <a:p>
            <a:r>
              <a:rPr kumimoji="1" lang="ja-JP" altLang="en-US" dirty="0"/>
              <a:t>数量算出</a:t>
            </a:r>
            <a:endParaRPr kumimoji="1" lang="en-US" altLang="ja-JP" dirty="0"/>
          </a:p>
          <a:p>
            <a:r>
              <a:rPr kumimoji="1" lang="ja-JP" altLang="en-US" dirty="0"/>
              <a:t>イメージの明確化</a:t>
            </a:r>
          </a:p>
        </p:txBody>
      </p:sp>
      <p:sp>
        <p:nvSpPr>
          <p:cNvPr id="19" name="テキスト ボックス 18">
            <a:extLst>
              <a:ext uri="{FF2B5EF4-FFF2-40B4-BE49-F238E27FC236}">
                <a16:creationId xmlns:a16="http://schemas.microsoft.com/office/drawing/2014/main" id="{8FF2411E-451F-4018-A9D6-4295FE976B3C}"/>
              </a:ext>
            </a:extLst>
          </p:cNvPr>
          <p:cNvSpPr txBox="1"/>
          <p:nvPr/>
        </p:nvSpPr>
        <p:spPr>
          <a:xfrm>
            <a:off x="6291682" y="2881200"/>
            <a:ext cx="1383712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干渉チェック</a:t>
            </a:r>
            <a:endParaRPr kumimoji="1" lang="en-US" altLang="ja-JP" dirty="0"/>
          </a:p>
          <a:p>
            <a:r>
              <a:rPr lang="ja-JP" altLang="en-US" dirty="0"/>
              <a:t>手戻り削減</a:t>
            </a:r>
            <a:endParaRPr lang="en-US" altLang="ja-JP" dirty="0"/>
          </a:p>
          <a:p>
            <a:r>
              <a:rPr lang="ja-JP" altLang="en-US" dirty="0"/>
              <a:t>情報化施工</a:t>
            </a:r>
            <a:endParaRPr kumimoji="1" lang="ja-JP" altLang="en-US" dirty="0"/>
          </a:p>
        </p:txBody>
      </p:sp>
      <p:sp>
        <p:nvSpPr>
          <p:cNvPr id="20" name="テキスト ボックス 19">
            <a:extLst>
              <a:ext uri="{FF2B5EF4-FFF2-40B4-BE49-F238E27FC236}">
                <a16:creationId xmlns:a16="http://schemas.microsoft.com/office/drawing/2014/main" id="{BDDC56BE-F889-4309-A631-22FDE2ED32AE}"/>
              </a:ext>
            </a:extLst>
          </p:cNvPr>
          <p:cNvSpPr txBox="1"/>
          <p:nvPr/>
        </p:nvSpPr>
        <p:spPr>
          <a:xfrm>
            <a:off x="4211960" y="3741345"/>
            <a:ext cx="220923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/>
              <a:t>施工計画の最適化</a:t>
            </a:r>
            <a:endParaRPr kumimoji="1" lang="en-US" altLang="ja-JP" dirty="0"/>
          </a:p>
          <a:p>
            <a:r>
              <a:rPr lang="ja-JP" altLang="en-US" dirty="0"/>
              <a:t>施工管理の効率化設計変更の効率化</a:t>
            </a:r>
            <a:endParaRPr kumimoji="1" lang="ja-JP" altLang="en-US" dirty="0"/>
          </a:p>
        </p:txBody>
      </p:sp>
      <p:sp>
        <p:nvSpPr>
          <p:cNvPr id="21" name="テキスト ボックス 20">
            <a:extLst>
              <a:ext uri="{FF2B5EF4-FFF2-40B4-BE49-F238E27FC236}">
                <a16:creationId xmlns:a16="http://schemas.microsoft.com/office/drawing/2014/main" id="{8E78BC0A-CC54-4315-969F-98D1DE0DC807}"/>
              </a:ext>
            </a:extLst>
          </p:cNvPr>
          <p:cNvSpPr txBox="1"/>
          <p:nvPr/>
        </p:nvSpPr>
        <p:spPr>
          <a:xfrm>
            <a:off x="3520104" y="4753524"/>
            <a:ext cx="2351926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完成データの高度化</a:t>
            </a:r>
            <a:endParaRPr kumimoji="1" lang="en-US" altLang="ja-JP" dirty="0"/>
          </a:p>
          <a:p>
            <a:r>
              <a:rPr lang="ja-JP" altLang="en-US" dirty="0"/>
              <a:t>完成検査の効率化</a:t>
            </a:r>
            <a:endParaRPr lang="en-US" altLang="ja-JP" dirty="0"/>
          </a:p>
          <a:p>
            <a:r>
              <a:rPr kumimoji="1" lang="ja-JP" altLang="en-US" dirty="0"/>
              <a:t>出来形管理の高度化</a:t>
            </a:r>
          </a:p>
        </p:txBody>
      </p:sp>
      <p:sp>
        <p:nvSpPr>
          <p:cNvPr id="22" name="テキスト ボックス 21">
            <a:extLst>
              <a:ext uri="{FF2B5EF4-FFF2-40B4-BE49-F238E27FC236}">
                <a16:creationId xmlns:a16="http://schemas.microsoft.com/office/drawing/2014/main" id="{7A41C234-88A7-4C53-AEE1-8B19ABF13CCD}"/>
              </a:ext>
            </a:extLst>
          </p:cNvPr>
          <p:cNvSpPr txBox="1"/>
          <p:nvPr/>
        </p:nvSpPr>
        <p:spPr>
          <a:xfrm>
            <a:off x="1126985" y="3370220"/>
            <a:ext cx="3084975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/>
              <a:t>維持管理の高度化</a:t>
            </a:r>
            <a:r>
              <a:rPr lang="ja-JP" altLang="en-US" dirty="0"/>
              <a:t>・効率化</a:t>
            </a:r>
            <a:endParaRPr lang="en-US" altLang="ja-JP" dirty="0"/>
          </a:p>
          <a:p>
            <a:r>
              <a:rPr lang="ja-JP" altLang="en-US" dirty="0"/>
              <a:t>モニタリングシステムとの連動</a:t>
            </a:r>
            <a:endParaRPr kumimoji="1" lang="ja-JP" altLang="en-US" dirty="0"/>
          </a:p>
        </p:txBody>
      </p:sp>
      <p:sp>
        <p:nvSpPr>
          <p:cNvPr id="23" name="テキスト ボックス 22">
            <a:extLst>
              <a:ext uri="{FF2B5EF4-FFF2-40B4-BE49-F238E27FC236}">
                <a16:creationId xmlns:a16="http://schemas.microsoft.com/office/drawing/2014/main" id="{ABD75080-B3C1-4D61-9619-B092D41F7DC9}"/>
              </a:ext>
            </a:extLst>
          </p:cNvPr>
          <p:cNvSpPr txBox="1"/>
          <p:nvPr/>
        </p:nvSpPr>
        <p:spPr>
          <a:xfrm>
            <a:off x="927246" y="2502794"/>
            <a:ext cx="3084975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/>
              <a:t>将来構想の容易性</a:t>
            </a:r>
            <a:endParaRPr lang="en-US" altLang="ja-JP" dirty="0"/>
          </a:p>
          <a:p>
            <a:r>
              <a:rPr kumimoji="1" lang="ja-JP" altLang="en-US" dirty="0"/>
              <a:t>事業の継続性</a:t>
            </a:r>
            <a:endParaRPr kumimoji="1" lang="en-US" altLang="ja-JP" dirty="0"/>
          </a:p>
          <a:p>
            <a:endParaRPr kumimoji="1" lang="ja-JP" altLang="en-US" dirty="0"/>
          </a:p>
        </p:txBody>
      </p:sp>
      <p:sp>
        <p:nvSpPr>
          <p:cNvPr id="7" name="テキスト ボックス 6">
            <a:extLst>
              <a:ext uri="{FF2B5EF4-FFF2-40B4-BE49-F238E27FC236}">
                <a16:creationId xmlns:a16="http://schemas.microsoft.com/office/drawing/2014/main" id="{4D0D4CAA-F1E2-4F24-8780-C69E621ABF4A}"/>
              </a:ext>
            </a:extLst>
          </p:cNvPr>
          <p:cNvSpPr txBox="1"/>
          <p:nvPr/>
        </p:nvSpPr>
        <p:spPr>
          <a:xfrm>
            <a:off x="490665" y="235938"/>
            <a:ext cx="3958135" cy="86177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3200" dirty="0"/>
              <a:t>3</a:t>
            </a:r>
            <a:r>
              <a:rPr kumimoji="1" lang="ja-JP" altLang="en-US" sz="3200" dirty="0"/>
              <a:t>次元データの一元化</a:t>
            </a:r>
            <a:endParaRPr kumimoji="1" lang="en-US" altLang="ja-JP" sz="3200" dirty="0"/>
          </a:p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500431397"/>
      </p:ext>
    </p:extLst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2E194A9A-2DAE-4637-9558-BFAE8AACFAA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116632"/>
            <a:ext cx="5951044" cy="3418131"/>
          </a:xfrm>
          <a:prstGeom prst="rect">
            <a:avLst/>
          </a:prstGeom>
        </p:spPr>
      </p:pic>
      <p:pic>
        <p:nvPicPr>
          <p:cNvPr id="3" name="図 2">
            <a:extLst>
              <a:ext uri="{FF2B5EF4-FFF2-40B4-BE49-F238E27FC236}">
                <a16:creationId xmlns:a16="http://schemas.microsoft.com/office/drawing/2014/main" id="{9DA42BF2-AD1B-4FBB-9765-13F229D640EA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95499" y="3717033"/>
            <a:ext cx="5776493" cy="3140968"/>
          </a:xfrm>
          <a:prstGeom prst="rect">
            <a:avLst/>
          </a:prstGeom>
        </p:spPr>
      </p:pic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0E2006E4-BE56-4B62-BF57-11238F0A09FF}"/>
              </a:ext>
            </a:extLst>
          </p:cNvPr>
          <p:cNvSpPr txBox="1"/>
          <p:nvPr/>
        </p:nvSpPr>
        <p:spPr>
          <a:xfrm>
            <a:off x="5964484" y="548680"/>
            <a:ext cx="3180679" cy="10772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2800" dirty="0"/>
              <a:t>3D</a:t>
            </a:r>
            <a:r>
              <a:rPr kumimoji="1" lang="ja-JP" altLang="en-US" sz="2800" dirty="0"/>
              <a:t>プリンターの導入</a:t>
            </a:r>
            <a:endParaRPr kumimoji="1" lang="en-US" altLang="ja-JP" sz="2800" dirty="0"/>
          </a:p>
          <a:p>
            <a:endParaRPr lang="en-US" altLang="ja-JP" dirty="0"/>
          </a:p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179694951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テキスト ボックス 1">
            <a:extLst>
              <a:ext uri="{FF2B5EF4-FFF2-40B4-BE49-F238E27FC236}">
                <a16:creationId xmlns:a16="http://schemas.microsoft.com/office/drawing/2014/main" id="{A27FE13B-8748-4792-9EA7-CDE6531DDBFE}"/>
              </a:ext>
            </a:extLst>
          </p:cNvPr>
          <p:cNvSpPr txBox="1"/>
          <p:nvPr/>
        </p:nvSpPr>
        <p:spPr>
          <a:xfrm>
            <a:off x="323528" y="404664"/>
            <a:ext cx="8352928" cy="5016758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altLang="ja-JP" sz="2000" b="0" i="0" dirty="0">
                <a:solidFill>
                  <a:srgbClr val="333333"/>
                </a:solidFill>
                <a:effectLst/>
                <a:latin typeface="ヒラギノ角ゴ Pro W3"/>
              </a:rPr>
              <a:t>DX</a:t>
            </a:r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は？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データやデジタル技術の活用を加速する技術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endParaRPr lang="en-US" altLang="ja-JP" sz="2000" dirty="0">
              <a:solidFill>
                <a:srgbClr val="333333"/>
              </a:solidFill>
              <a:latin typeface="ヒラギノ角ゴ Pro W3"/>
            </a:endParaRPr>
          </a:p>
          <a:p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・インフラ分野のＤＸは、ＩＣＴ（情報通信技術）などを活用して社会資本の整備　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dirty="0">
                <a:solidFill>
                  <a:srgbClr val="333333"/>
                </a:solidFill>
                <a:latin typeface="ヒラギノ角ゴ Pro W3"/>
              </a:rPr>
              <a:t>　</a:t>
            </a:r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や維持管理などの効率や生産性を高める。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・官民の３Ｄデータや新技術の活用拡大・現場導入　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・インフラ・物流分野などのＤＸ推進デジタル化・スマート化技術の活用は、コ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dirty="0">
                <a:solidFill>
                  <a:srgbClr val="333333"/>
                </a:solidFill>
                <a:latin typeface="ヒラギノ角ゴ Pro W3"/>
              </a:rPr>
              <a:t>　</a:t>
            </a:r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ロナ禍の３密対策にもつながる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・ＢＩＭ／ＣＩＭの利活用をさらに進める。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　２３年度までに小規模を除くすべての公共工事でＢＩＭ／ＣＩＭの原則化に向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dirty="0">
                <a:solidFill>
                  <a:srgbClr val="333333"/>
                </a:solidFill>
                <a:latin typeface="ヒラギノ角ゴ Pro W3"/>
              </a:rPr>
              <a:t>　</a:t>
            </a:r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け、段階的に適用拡大。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・公共工事で第５世代通信規格（５Ｇ）を活用した無人化施工など新技術の現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dirty="0">
                <a:solidFill>
                  <a:srgbClr val="333333"/>
                </a:solidFill>
                <a:latin typeface="ヒラギノ角ゴ Pro W3"/>
              </a:rPr>
              <a:t>　</a:t>
            </a:r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場実装を進める。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・人工知能（ＡＩ）やロボットなどを活用し、建設現場の３密を避けた非接触・リ</a:t>
            </a:r>
            <a:endParaRPr lang="en-US" altLang="ja-JP" sz="2000" b="0" i="0" dirty="0">
              <a:solidFill>
                <a:srgbClr val="333333"/>
              </a:solidFill>
              <a:effectLst/>
              <a:latin typeface="ヒラギノ角ゴ Pro W3"/>
            </a:endParaRPr>
          </a:p>
          <a:p>
            <a:r>
              <a:rPr lang="ja-JP" altLang="en-US" sz="2000" dirty="0">
                <a:solidFill>
                  <a:srgbClr val="333333"/>
                </a:solidFill>
                <a:latin typeface="ヒラギノ角ゴ Pro W3"/>
              </a:rPr>
              <a:t>　</a:t>
            </a:r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モート型の働き方を実現させる。</a:t>
            </a:r>
            <a:br>
              <a:rPr lang="ja-JP" altLang="en-US" sz="2000" dirty="0"/>
            </a:br>
            <a:r>
              <a:rPr lang="ja-JP" altLang="en-US" sz="2000" dirty="0"/>
              <a:t>・</a:t>
            </a:r>
            <a:r>
              <a:rPr lang="ja-JP" altLang="en-US" sz="2000" b="0" i="0" dirty="0">
                <a:solidFill>
                  <a:srgbClr val="333333"/>
                </a:solidFill>
                <a:effectLst/>
                <a:latin typeface="ヒラギノ角ゴ Pro W3"/>
              </a:rPr>
              <a:t>新技術の活用拡大・現場導入をさらに加速</a:t>
            </a:r>
            <a:endParaRPr lang="ja-JP" altLang="en-US" sz="2000" dirty="0"/>
          </a:p>
        </p:txBody>
      </p:sp>
    </p:spTree>
    <p:extLst>
      <p:ext uri="{BB962C8B-B14F-4D97-AF65-F5344CB8AC3E}">
        <p14:creationId xmlns:p14="http://schemas.microsoft.com/office/powerpoint/2010/main" val="2003854326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2DEB773A-5BD7-4E40-A48A-BE7950F7605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3528" y="260648"/>
            <a:ext cx="4962525" cy="2028825"/>
          </a:xfrm>
          <a:prstGeom prst="rect">
            <a:avLst/>
          </a:prstGeom>
        </p:spPr>
      </p:pic>
      <p:pic>
        <p:nvPicPr>
          <p:cNvPr id="3" name="図 2">
            <a:extLst>
              <a:ext uri="{FF2B5EF4-FFF2-40B4-BE49-F238E27FC236}">
                <a16:creationId xmlns:a16="http://schemas.microsoft.com/office/drawing/2014/main" id="{D94777E5-13A5-4AB6-A572-5B24523DDCB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364088" y="260648"/>
            <a:ext cx="3339758" cy="2028825"/>
          </a:xfrm>
          <a:prstGeom prst="rect">
            <a:avLst/>
          </a:prstGeom>
        </p:spPr>
      </p:pic>
      <p:pic>
        <p:nvPicPr>
          <p:cNvPr id="4" name="図 3">
            <a:extLst>
              <a:ext uri="{FF2B5EF4-FFF2-40B4-BE49-F238E27FC236}">
                <a16:creationId xmlns:a16="http://schemas.microsoft.com/office/drawing/2014/main" id="{0F8A7BDA-88C1-4249-ADC7-98745A273667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61511" y="3068960"/>
            <a:ext cx="5040560" cy="2880320"/>
          </a:xfrm>
          <a:prstGeom prst="rect">
            <a:avLst/>
          </a:prstGeom>
        </p:spPr>
      </p:pic>
      <p:sp>
        <p:nvSpPr>
          <p:cNvPr id="5" name="テキスト ボックス 4">
            <a:extLst>
              <a:ext uri="{FF2B5EF4-FFF2-40B4-BE49-F238E27FC236}">
                <a16:creationId xmlns:a16="http://schemas.microsoft.com/office/drawing/2014/main" id="{8973437F-110E-4FD9-825C-571727AE8DE5}"/>
              </a:ext>
            </a:extLst>
          </p:cNvPr>
          <p:cNvSpPr txBox="1"/>
          <p:nvPr/>
        </p:nvSpPr>
        <p:spPr>
          <a:xfrm>
            <a:off x="6012160" y="3140968"/>
            <a:ext cx="1338828" cy="147732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自動化施工</a:t>
            </a:r>
            <a:endParaRPr kumimoji="1" lang="en-US" altLang="ja-JP" dirty="0"/>
          </a:p>
          <a:p>
            <a:endParaRPr lang="en-US" altLang="ja-JP" dirty="0"/>
          </a:p>
          <a:p>
            <a:r>
              <a:rPr kumimoji="1" lang="ja-JP" altLang="en-US" dirty="0"/>
              <a:t>危険個所</a:t>
            </a:r>
            <a:endParaRPr kumimoji="1" lang="en-US" altLang="ja-JP" dirty="0"/>
          </a:p>
          <a:p>
            <a:r>
              <a:rPr lang="ja-JP" altLang="en-US" dirty="0"/>
              <a:t>大規模</a:t>
            </a:r>
            <a:endParaRPr lang="en-US" altLang="ja-JP" dirty="0"/>
          </a:p>
          <a:p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941070244"/>
      </p:ext>
    </p:extLst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>
            <a:extLst>
              <a:ext uri="{FF2B5EF4-FFF2-40B4-BE49-F238E27FC236}">
                <a16:creationId xmlns:a16="http://schemas.microsoft.com/office/drawing/2014/main" id="{67AECA4E-62C7-4AC4-8C03-9135B539779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-9525" y="-30163"/>
            <a:ext cx="8718550" cy="563563"/>
          </a:xfrm>
        </p:spPr>
        <p:txBody>
          <a:bodyPr>
            <a:normAutofit/>
          </a:bodyPr>
          <a:lstStyle/>
          <a:p>
            <a:pPr>
              <a:defRPr/>
            </a:pPr>
            <a:r>
              <a:rPr lang="ja-JP" altLang="en-US" sz="2800" b="1" dirty="0">
                <a:latin typeface="+mn-ea"/>
                <a:ea typeface="+mn-ea"/>
              </a:rPr>
              <a:t>既存技術を応用した点検の実証試験</a:t>
            </a:r>
          </a:p>
        </p:txBody>
      </p:sp>
      <p:sp>
        <p:nvSpPr>
          <p:cNvPr id="5" name="テキスト ボックス 4">
            <a:extLst>
              <a:ext uri="{FF2B5EF4-FFF2-40B4-BE49-F238E27FC236}">
                <a16:creationId xmlns:a16="http://schemas.microsoft.com/office/drawing/2014/main" id="{2A38D1D6-A392-4E73-9A3D-A5D612FD3FE9}"/>
              </a:ext>
            </a:extLst>
          </p:cNvPr>
          <p:cNvSpPr txBox="1"/>
          <p:nvPr/>
        </p:nvSpPr>
        <p:spPr>
          <a:xfrm>
            <a:off x="3943552" y="1625164"/>
            <a:ext cx="1656000" cy="234000"/>
          </a:xfrm>
          <a:prstGeom prst="rect">
            <a:avLst/>
          </a:prstGeom>
          <a:solidFill>
            <a:srgbClr val="A3DAEB"/>
          </a:solidFill>
          <a:ln/>
          <a:effectLst/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38100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lIns="0" tIns="36000" rIns="0" bIns="0" anchor="ctr"/>
          <a:lstStyle/>
          <a:p>
            <a:pPr algn="ctr">
              <a:lnSpc>
                <a:spcPts val="1600"/>
              </a:lnSpc>
              <a:spcBef>
                <a:spcPts val="0"/>
              </a:spcBef>
              <a:defRPr/>
            </a:pPr>
            <a:r>
              <a:rPr lang="ja-JP" altLang="en-US" sz="1200" b="1" dirty="0">
                <a:solidFill>
                  <a:schemeClr val="tx1"/>
                </a:solidFill>
                <a:latin typeface="MS UI Gothic" panose="020B0600070205080204" pitchFamily="50" charset="-128"/>
                <a:ea typeface="MS UI Gothic" panose="020B0600070205080204" pitchFamily="50" charset="-128"/>
              </a:rPr>
              <a:t>ファイバースコープシステム</a:t>
            </a:r>
          </a:p>
        </p:txBody>
      </p:sp>
      <p:sp>
        <p:nvSpPr>
          <p:cNvPr id="7" name="テキスト ボックス 6">
            <a:extLst>
              <a:ext uri="{FF2B5EF4-FFF2-40B4-BE49-F238E27FC236}">
                <a16:creationId xmlns:a16="http://schemas.microsoft.com/office/drawing/2014/main" id="{3F5BCCF7-3631-4027-9A68-F0138749B553}"/>
              </a:ext>
            </a:extLst>
          </p:cNvPr>
          <p:cNvSpPr txBox="1"/>
          <p:nvPr/>
        </p:nvSpPr>
        <p:spPr>
          <a:xfrm>
            <a:off x="2219088" y="1625164"/>
            <a:ext cx="1656000" cy="234000"/>
          </a:xfrm>
          <a:prstGeom prst="rect">
            <a:avLst/>
          </a:prstGeom>
          <a:solidFill>
            <a:srgbClr val="A3DAEB"/>
          </a:solidFill>
          <a:ln/>
          <a:effectLst/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38100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lIns="0" tIns="36000" rIns="0" bIns="0" anchor="ctr"/>
          <a:lstStyle/>
          <a:p>
            <a:pPr algn="ctr">
              <a:lnSpc>
                <a:spcPts val="1600"/>
              </a:lnSpc>
              <a:spcBef>
                <a:spcPts val="0"/>
              </a:spcBef>
              <a:defRPr/>
            </a:pPr>
            <a:r>
              <a:rPr lang="ja-JP" altLang="en-US" sz="1200" b="1" dirty="0">
                <a:solidFill>
                  <a:schemeClr val="tx1"/>
                </a:solidFill>
                <a:latin typeface="MS UI Gothic" panose="020B0600070205080204" pitchFamily="50" charset="-128"/>
                <a:ea typeface="MS UI Gothic" panose="020B0600070205080204" pitchFamily="50" charset="-128"/>
              </a:rPr>
              <a:t>ステレオ画像解析システム</a:t>
            </a:r>
          </a:p>
        </p:txBody>
      </p:sp>
      <p:pic>
        <p:nvPicPr>
          <p:cNvPr id="8" name="Picture 6" descr="C:\Users\yt19461\Documents\My Data\10 KKC\H27年度\ち　中央官庁事業推進室\も　モニタリングシステム技術研究組合\30 プロジェクト管理\◆自治体ヒアリング\富山市\◆富山市の実験\報告資料の作成\二眼デジタルステレオビジョン　XB3\stereo.JPG">
            <a:extLst>
              <a:ext uri="{FF2B5EF4-FFF2-40B4-BE49-F238E27FC236}">
                <a16:creationId xmlns:a16="http://schemas.microsoft.com/office/drawing/2014/main" id="{6F984DB6-E754-4FA2-A2E7-7A0FCD115C6F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"/>
          <a:srcRect l="5879" r="5400"/>
          <a:stretch/>
        </p:blipFill>
        <p:spPr bwMode="auto">
          <a:xfrm>
            <a:off x="2305050" y="1949450"/>
            <a:ext cx="1439863" cy="1081088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テキスト ボックス 8">
            <a:extLst>
              <a:ext uri="{FF2B5EF4-FFF2-40B4-BE49-F238E27FC236}">
                <a16:creationId xmlns:a16="http://schemas.microsoft.com/office/drawing/2014/main" id="{58D31B09-38B1-40B0-B322-17C3A79489EB}"/>
              </a:ext>
            </a:extLst>
          </p:cNvPr>
          <p:cNvSpPr txBox="1"/>
          <p:nvPr/>
        </p:nvSpPr>
        <p:spPr>
          <a:xfrm>
            <a:off x="89388" y="1625164"/>
            <a:ext cx="306000" cy="1440000"/>
          </a:xfrm>
          <a:prstGeom prst="rect">
            <a:avLst/>
          </a:prstGeom>
          <a:solidFill>
            <a:srgbClr val="2CA9D0"/>
          </a:solidFill>
          <a:ln w="0">
            <a:noFill/>
          </a:ln>
          <a:effectLst/>
          <a:scene3d>
            <a:camera prst="orthographicFront"/>
            <a:lightRig rig="threePt" dir="t"/>
          </a:scene3d>
          <a:sp3d>
            <a:bevelT h="50800"/>
          </a:sp3d>
        </p:spPr>
        <p:txBody>
          <a:bodyPr vert="eaVert" lIns="0" tIns="0" rIns="0" bIns="0"/>
          <a:lstStyle/>
          <a:p>
            <a:pPr algn="ctr">
              <a:spcBef>
                <a:spcPts val="0"/>
              </a:spcBef>
              <a:defRPr/>
            </a:pPr>
            <a:r>
              <a:rPr lang="ja-JP" altLang="en-US" dirty="0">
                <a:solidFill>
                  <a:schemeClr val="bg1"/>
                </a:solidFill>
                <a:latin typeface="+mn-ea"/>
              </a:rPr>
              <a:t>使用機材</a:t>
            </a:r>
          </a:p>
        </p:txBody>
      </p:sp>
      <p:grpSp>
        <p:nvGrpSpPr>
          <p:cNvPr id="79885" name="グループ化 42">
            <a:extLst>
              <a:ext uri="{FF2B5EF4-FFF2-40B4-BE49-F238E27FC236}">
                <a16:creationId xmlns:a16="http://schemas.microsoft.com/office/drawing/2014/main" id="{0978DD2F-8417-4681-8F96-F73BF3A9A82B}"/>
              </a:ext>
            </a:extLst>
          </p:cNvPr>
          <p:cNvGrpSpPr>
            <a:grpSpLocks/>
          </p:cNvGrpSpPr>
          <p:nvPr/>
        </p:nvGrpSpPr>
        <p:grpSpPr bwMode="auto">
          <a:xfrm>
            <a:off x="893763" y="3319463"/>
            <a:ext cx="2016125" cy="1511300"/>
            <a:chOff x="893140" y="3398204"/>
            <a:chExt cx="2016000" cy="1512000"/>
          </a:xfrm>
        </p:grpSpPr>
        <p:pic>
          <p:nvPicPr>
            <p:cNvPr id="10" name="Picture 5" descr="C:\Users\yt19461\Documents\My Data\10 KKC\H27年度\ち　中央官庁事業推進室\も　モニタリングシステム技術研究組合\30 プロジェクト管理\◆自治体ヒアリング\富山市\◆富山市の実験\報告資料の作成\八尾大橋.jpg">
              <a:extLst>
                <a:ext uri="{FF2B5EF4-FFF2-40B4-BE49-F238E27FC236}">
                  <a16:creationId xmlns:a16="http://schemas.microsoft.com/office/drawing/2014/main" id="{016B7AE5-92F9-4F74-A0FA-FB00C2ACE608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3"/>
            <a:srcRect/>
            <a:stretch>
              <a:fillRect/>
            </a:stretch>
          </p:blipFill>
          <p:spPr bwMode="auto">
            <a:xfrm>
              <a:off x="893140" y="3398204"/>
              <a:ext cx="2016000" cy="1512000"/>
            </a:xfrm>
            <a:prstGeom prst="rect">
              <a:avLst/>
            </a:prstGeom>
            <a:noFill/>
            <a:ln w="0">
              <a:solidFill>
                <a:schemeClr val="tx1">
                  <a:lumMod val="50000"/>
                  <a:lumOff val="50000"/>
                </a:schemeClr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1" name="テキスト ボックス 10">
              <a:extLst>
                <a:ext uri="{FF2B5EF4-FFF2-40B4-BE49-F238E27FC236}">
                  <a16:creationId xmlns:a16="http://schemas.microsoft.com/office/drawing/2014/main" id="{7728AD24-838F-47C9-B1C5-F63C886F81F8}"/>
                </a:ext>
              </a:extLst>
            </p:cNvPr>
            <p:cNvSpPr txBox="1"/>
            <p:nvPr/>
          </p:nvSpPr>
          <p:spPr>
            <a:xfrm>
              <a:off x="1540800" y="4686262"/>
              <a:ext cx="720680" cy="184235"/>
            </a:xfrm>
            <a:prstGeom prst="rect">
              <a:avLst/>
            </a:prstGeom>
            <a:ln w="0">
              <a:solidFill>
                <a:schemeClr val="bg1"/>
              </a:solidFill>
            </a:ln>
            <a:effectLst/>
          </p:spPr>
          <p:style>
            <a:lnRef idx="1">
              <a:schemeClr val="accent2"/>
            </a:lnRef>
            <a:fillRef idx="1001">
              <a:schemeClr val="lt1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lIns="0" tIns="0" rIns="0" bIns="0">
              <a:spAutoFit/>
            </a:bodyPr>
            <a:lstStyle/>
            <a:p>
              <a:pPr algn="ctr">
                <a:spcBef>
                  <a:spcPts val="0"/>
                </a:spcBef>
                <a:defRPr/>
              </a:pPr>
              <a:r>
                <a:rPr lang="ja-JP" altLang="en-US" sz="1200" dirty="0">
                  <a:solidFill>
                    <a:schemeClr val="tx1"/>
                  </a:solidFill>
                  <a:latin typeface="HGPｺﾞｼｯｸE" panose="020B0900000000000000" pitchFamily="50" charset="-128"/>
                  <a:ea typeface="HGPｺﾞｼｯｸE" panose="020B0900000000000000" pitchFamily="50" charset="-128"/>
                </a:rPr>
                <a:t>八尾大橋</a:t>
              </a:r>
            </a:p>
          </p:txBody>
        </p:sp>
      </p:grpSp>
      <p:grpSp>
        <p:nvGrpSpPr>
          <p:cNvPr id="79886" name="グループ化 41">
            <a:extLst>
              <a:ext uri="{FF2B5EF4-FFF2-40B4-BE49-F238E27FC236}">
                <a16:creationId xmlns:a16="http://schemas.microsoft.com/office/drawing/2014/main" id="{69F2D73B-C807-4308-B060-C70398AFD89A}"/>
              </a:ext>
            </a:extLst>
          </p:cNvPr>
          <p:cNvGrpSpPr>
            <a:grpSpLocks/>
          </p:cNvGrpSpPr>
          <p:nvPr/>
        </p:nvGrpSpPr>
        <p:grpSpPr bwMode="auto">
          <a:xfrm>
            <a:off x="3752850" y="3319463"/>
            <a:ext cx="2063750" cy="1547812"/>
            <a:chOff x="3752686" y="3398204"/>
            <a:chExt cx="2064000" cy="1548000"/>
          </a:xfrm>
        </p:grpSpPr>
        <p:pic>
          <p:nvPicPr>
            <p:cNvPr id="1026" name="Picture 2" descr="C:\Users\yt19461\Documents\My Data\10 KKC\H27年度\ち　中央官庁事業推進室\も　モニタリングシステム技術研究組合\30 プロジェクト管理\◆自治体ヒアリング\富山市\◆富山市の実験\報告資料の作成_NEW\橋\神通大橋1.jpg">
              <a:extLst>
                <a:ext uri="{FF2B5EF4-FFF2-40B4-BE49-F238E27FC236}">
                  <a16:creationId xmlns:a16="http://schemas.microsoft.com/office/drawing/2014/main" id="{6E8C1748-4C5C-42DB-8135-B2DFB7C96AAE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4"/>
            <a:srcRect/>
            <a:stretch>
              <a:fillRect/>
            </a:stretch>
          </p:blipFill>
          <p:spPr bwMode="auto">
            <a:xfrm>
              <a:off x="3752686" y="3398204"/>
              <a:ext cx="2064000" cy="1548000"/>
            </a:xfrm>
            <a:prstGeom prst="rect">
              <a:avLst/>
            </a:prstGeom>
            <a:noFill/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3" name="テキスト ボックス 12">
              <a:extLst>
                <a:ext uri="{FF2B5EF4-FFF2-40B4-BE49-F238E27FC236}">
                  <a16:creationId xmlns:a16="http://schemas.microsoft.com/office/drawing/2014/main" id="{8EA22D52-3FB7-4449-A84E-676D4B884391}"/>
                </a:ext>
              </a:extLst>
            </p:cNvPr>
            <p:cNvSpPr txBox="1"/>
            <p:nvPr/>
          </p:nvSpPr>
          <p:spPr>
            <a:xfrm>
              <a:off x="4424280" y="4685822"/>
              <a:ext cx="720812" cy="185761"/>
            </a:xfrm>
            <a:prstGeom prst="rect">
              <a:avLst/>
            </a:prstGeom>
            <a:ln w="0">
              <a:solidFill>
                <a:schemeClr val="bg1"/>
              </a:solidFill>
            </a:ln>
            <a:effectLst/>
          </p:spPr>
          <p:style>
            <a:lnRef idx="1">
              <a:schemeClr val="accent2"/>
            </a:lnRef>
            <a:fillRef idx="1001">
              <a:schemeClr val="lt1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lIns="0" tIns="0" rIns="0" bIns="0">
              <a:spAutoFit/>
            </a:bodyPr>
            <a:lstStyle/>
            <a:p>
              <a:pPr algn="ctr">
                <a:spcBef>
                  <a:spcPts val="0"/>
                </a:spcBef>
                <a:defRPr/>
              </a:pPr>
              <a:r>
                <a:rPr lang="ja-JP" altLang="en-US" sz="1200" dirty="0">
                  <a:solidFill>
                    <a:schemeClr val="tx1"/>
                  </a:solidFill>
                  <a:latin typeface="HGPｺﾞｼｯｸE" panose="020B0900000000000000" pitchFamily="50" charset="-128"/>
                  <a:ea typeface="HGPｺﾞｼｯｸE" panose="020B0900000000000000" pitchFamily="50" charset="-128"/>
                </a:rPr>
                <a:t>神通大橋</a:t>
              </a:r>
            </a:p>
          </p:txBody>
        </p:sp>
      </p:grpSp>
      <p:grpSp>
        <p:nvGrpSpPr>
          <p:cNvPr id="79887" name="グループ化 40">
            <a:extLst>
              <a:ext uri="{FF2B5EF4-FFF2-40B4-BE49-F238E27FC236}">
                <a16:creationId xmlns:a16="http://schemas.microsoft.com/office/drawing/2014/main" id="{4B97EDE3-2440-424E-8489-B9B170339E89}"/>
              </a:ext>
            </a:extLst>
          </p:cNvPr>
          <p:cNvGrpSpPr>
            <a:grpSpLocks/>
          </p:cNvGrpSpPr>
          <p:nvPr/>
        </p:nvGrpSpPr>
        <p:grpSpPr bwMode="auto">
          <a:xfrm>
            <a:off x="6659563" y="3319463"/>
            <a:ext cx="2016125" cy="1511300"/>
            <a:chOff x="6660232" y="3398204"/>
            <a:chExt cx="2016000" cy="1512000"/>
          </a:xfrm>
        </p:grpSpPr>
        <p:pic>
          <p:nvPicPr>
            <p:cNvPr id="14" name="Picture 3" descr="C:\Users\yt19461\Documents\My Data\10 KKC\H27年度\ち　中央官庁事業推進室\も　モニタリングシステム技術研究組合\30 プロジェクト管理\◆自治体ヒアリング\富山市\◆富山市の実験\報告資料の作成\野積橋.jpg">
              <a:extLst>
                <a:ext uri="{FF2B5EF4-FFF2-40B4-BE49-F238E27FC236}">
                  <a16:creationId xmlns:a16="http://schemas.microsoft.com/office/drawing/2014/main" id="{BC1695BD-59F9-4FE1-944A-CBB81D90ABDA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5"/>
            <a:srcRect/>
            <a:stretch>
              <a:fillRect/>
            </a:stretch>
          </p:blipFill>
          <p:spPr bwMode="auto">
            <a:xfrm>
              <a:off x="6660232" y="3398204"/>
              <a:ext cx="2016000" cy="1512000"/>
            </a:xfrm>
            <a:prstGeom prst="rect">
              <a:avLst/>
            </a:prstGeom>
            <a:noFill/>
            <a:ln w="0">
              <a:solidFill>
                <a:schemeClr val="tx1">
                  <a:lumMod val="50000"/>
                  <a:lumOff val="50000"/>
                </a:schemeClr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5" name="テキスト ボックス 14">
              <a:extLst>
                <a:ext uri="{FF2B5EF4-FFF2-40B4-BE49-F238E27FC236}">
                  <a16:creationId xmlns:a16="http://schemas.microsoft.com/office/drawing/2014/main" id="{42CC1A1D-BEAD-4051-8D0C-63CE9BB84D8D}"/>
                </a:ext>
              </a:extLst>
            </p:cNvPr>
            <p:cNvSpPr txBox="1"/>
            <p:nvPr/>
          </p:nvSpPr>
          <p:spPr>
            <a:xfrm>
              <a:off x="7307892" y="4686262"/>
              <a:ext cx="720680" cy="184235"/>
            </a:xfrm>
            <a:prstGeom prst="rect">
              <a:avLst/>
            </a:prstGeom>
            <a:ln w="0">
              <a:solidFill>
                <a:schemeClr val="bg1"/>
              </a:solidFill>
            </a:ln>
            <a:effectLst/>
          </p:spPr>
          <p:style>
            <a:lnRef idx="1">
              <a:schemeClr val="accent2"/>
            </a:lnRef>
            <a:fillRef idx="1001">
              <a:schemeClr val="lt1"/>
            </a:fillRef>
            <a:effectRef idx="2">
              <a:schemeClr val="accent2"/>
            </a:effectRef>
            <a:fontRef idx="minor">
              <a:schemeClr val="lt1"/>
            </a:fontRef>
          </p:style>
          <p:txBody>
            <a:bodyPr lIns="0" tIns="0" rIns="0" bIns="0">
              <a:spAutoFit/>
            </a:bodyPr>
            <a:lstStyle/>
            <a:p>
              <a:pPr algn="ctr">
                <a:spcBef>
                  <a:spcPts val="0"/>
                </a:spcBef>
                <a:defRPr/>
              </a:pPr>
              <a:r>
                <a:rPr lang="ja-JP" altLang="en-US" sz="1200" dirty="0">
                  <a:solidFill>
                    <a:schemeClr val="tx1"/>
                  </a:solidFill>
                  <a:latin typeface="HGPｺﾞｼｯｸE" panose="020B0900000000000000" pitchFamily="50" charset="-128"/>
                  <a:ea typeface="HGPｺﾞｼｯｸE" panose="020B0900000000000000" pitchFamily="50" charset="-128"/>
                </a:rPr>
                <a:t>野積橋</a:t>
              </a:r>
            </a:p>
          </p:txBody>
        </p:sp>
      </p:grpSp>
      <p:sp>
        <p:nvSpPr>
          <p:cNvPr id="16" name="テキスト ボックス 15">
            <a:extLst>
              <a:ext uri="{FF2B5EF4-FFF2-40B4-BE49-F238E27FC236}">
                <a16:creationId xmlns:a16="http://schemas.microsoft.com/office/drawing/2014/main" id="{0DC84024-F494-4F57-A387-874AF95A5461}"/>
              </a:ext>
            </a:extLst>
          </p:cNvPr>
          <p:cNvSpPr txBox="1"/>
          <p:nvPr/>
        </p:nvSpPr>
        <p:spPr>
          <a:xfrm>
            <a:off x="89388" y="3371949"/>
            <a:ext cx="306000" cy="1440000"/>
          </a:xfrm>
          <a:prstGeom prst="rect">
            <a:avLst/>
          </a:prstGeom>
          <a:solidFill>
            <a:srgbClr val="FF9900"/>
          </a:solidFill>
          <a:ln w="0">
            <a:noFill/>
          </a:ln>
          <a:effectLst/>
          <a:scene3d>
            <a:camera prst="orthographicFront"/>
            <a:lightRig rig="threePt" dir="t"/>
          </a:scene3d>
          <a:sp3d>
            <a:bevelT h="50800"/>
          </a:sp3d>
        </p:spPr>
        <p:txBody>
          <a:bodyPr vert="eaVert" lIns="0" tIns="0" rIns="0" bIns="0"/>
          <a:lstStyle/>
          <a:p>
            <a:pPr algn="ctr">
              <a:spcBef>
                <a:spcPts val="0"/>
              </a:spcBef>
              <a:defRPr/>
            </a:pPr>
            <a:r>
              <a:rPr lang="ja-JP" altLang="en-US" dirty="0">
                <a:solidFill>
                  <a:schemeClr val="bg1"/>
                </a:solidFill>
                <a:latin typeface="+mn-ea"/>
              </a:rPr>
              <a:t>対象橋梁</a:t>
            </a:r>
          </a:p>
        </p:txBody>
      </p:sp>
      <p:sp>
        <p:nvSpPr>
          <p:cNvPr id="17" name="テキスト ボックス 16">
            <a:extLst>
              <a:ext uri="{FF2B5EF4-FFF2-40B4-BE49-F238E27FC236}">
                <a16:creationId xmlns:a16="http://schemas.microsoft.com/office/drawing/2014/main" id="{D53BE85D-EA36-477B-B469-703C9E8A8208}"/>
              </a:ext>
            </a:extLst>
          </p:cNvPr>
          <p:cNvSpPr txBox="1"/>
          <p:nvPr/>
        </p:nvSpPr>
        <p:spPr>
          <a:xfrm>
            <a:off x="89388" y="5118734"/>
            <a:ext cx="306000" cy="1622634"/>
          </a:xfrm>
          <a:prstGeom prst="rect">
            <a:avLst/>
          </a:prstGeom>
          <a:solidFill>
            <a:srgbClr val="79C400"/>
          </a:solidFill>
          <a:ln w="0">
            <a:noFill/>
          </a:ln>
          <a:effectLst/>
          <a:scene3d>
            <a:camera prst="orthographicFront"/>
            <a:lightRig rig="threePt" dir="t"/>
          </a:scene3d>
          <a:sp3d>
            <a:bevelT h="50800"/>
          </a:sp3d>
        </p:spPr>
        <p:txBody>
          <a:bodyPr vert="eaVert" lIns="0" tIns="0" rIns="0" bIns="0"/>
          <a:lstStyle/>
          <a:p>
            <a:pPr algn="ctr">
              <a:spcBef>
                <a:spcPts val="0"/>
              </a:spcBef>
              <a:defRPr/>
            </a:pPr>
            <a:r>
              <a:rPr lang="ja-JP" altLang="en-US" dirty="0">
                <a:solidFill>
                  <a:schemeClr val="bg1"/>
                </a:solidFill>
                <a:latin typeface="+mn-ea"/>
              </a:rPr>
              <a:t>試験テーマ</a:t>
            </a:r>
          </a:p>
        </p:txBody>
      </p:sp>
      <p:sp>
        <p:nvSpPr>
          <p:cNvPr id="18" name="テキスト ボックス 17">
            <a:extLst>
              <a:ext uri="{FF2B5EF4-FFF2-40B4-BE49-F238E27FC236}">
                <a16:creationId xmlns:a16="http://schemas.microsoft.com/office/drawing/2014/main" id="{1B63C789-32F6-4FDD-90F0-465F22CEF78E}"/>
              </a:ext>
            </a:extLst>
          </p:cNvPr>
          <p:cNvSpPr txBox="1"/>
          <p:nvPr/>
        </p:nvSpPr>
        <p:spPr>
          <a:xfrm>
            <a:off x="511892" y="5118734"/>
            <a:ext cx="1620000" cy="234000"/>
          </a:xfrm>
          <a:prstGeom prst="rect">
            <a:avLst/>
          </a:prstGeom>
          <a:solidFill>
            <a:srgbClr val="C9FF71"/>
          </a:solidFill>
          <a:ln w="0">
            <a:noFill/>
          </a:ln>
          <a:effectLst/>
          <a:scene3d>
            <a:camera prst="orthographicFront"/>
            <a:lightRig rig="threePt" dir="t"/>
          </a:scene3d>
          <a:sp3d>
            <a:bevelT w="63500" h="38100"/>
          </a:sp3d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lIns="0" tIns="36000" rIns="0" bIns="0"/>
          <a:lstStyle/>
          <a:p>
            <a:pPr algn="ctr">
              <a:spcBef>
                <a:spcPts val="0"/>
              </a:spcBef>
              <a:defRPr/>
            </a:pPr>
            <a:r>
              <a:rPr lang="ja-JP" altLang="en-US" sz="1200" b="1" dirty="0">
                <a:solidFill>
                  <a:schemeClr val="tx1"/>
                </a:solidFill>
                <a:latin typeface="MS UI Gothic" panose="020B0600070205080204" pitchFamily="50" charset="-128"/>
                <a:ea typeface="MS UI Gothic" panose="020B0600070205080204" pitchFamily="50" charset="-128"/>
              </a:rPr>
              <a:t>①床版のひび割れ点検</a:t>
            </a:r>
          </a:p>
        </p:txBody>
      </p:sp>
      <p:sp>
        <p:nvSpPr>
          <p:cNvPr id="19" name="テキスト ボックス 18">
            <a:extLst>
              <a:ext uri="{FF2B5EF4-FFF2-40B4-BE49-F238E27FC236}">
                <a16:creationId xmlns:a16="http://schemas.microsoft.com/office/drawing/2014/main" id="{67B8FE51-6F6D-425C-ADE0-238647AF61B6}"/>
              </a:ext>
            </a:extLst>
          </p:cNvPr>
          <p:cNvSpPr txBox="1"/>
          <p:nvPr/>
        </p:nvSpPr>
        <p:spPr>
          <a:xfrm>
            <a:off x="511175" y="5392738"/>
            <a:ext cx="1620838" cy="1152525"/>
          </a:xfrm>
          <a:prstGeom prst="rect">
            <a:avLst/>
          </a:prstGeom>
          <a:solidFill>
            <a:schemeClr val="bg1"/>
          </a:solidFill>
          <a:ln w="12700">
            <a:solidFill>
              <a:schemeClr val="bg1">
                <a:lumMod val="65000"/>
              </a:schemeClr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lIns="36000" tIns="0" rIns="36000" bIns="0"/>
          <a:lstStyle/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ひび割れの把握性能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装置開発の性能整理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正規化処理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画像の統合手法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プラットホームの構成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</p:txBody>
      </p:sp>
      <p:sp>
        <p:nvSpPr>
          <p:cNvPr id="20" name="テキスト ボックス 19">
            <a:extLst>
              <a:ext uri="{FF2B5EF4-FFF2-40B4-BE49-F238E27FC236}">
                <a16:creationId xmlns:a16="http://schemas.microsoft.com/office/drawing/2014/main" id="{0D5F769A-2B88-4F98-83E1-302983693B3C}"/>
              </a:ext>
            </a:extLst>
          </p:cNvPr>
          <p:cNvSpPr txBox="1"/>
          <p:nvPr/>
        </p:nvSpPr>
        <p:spPr>
          <a:xfrm>
            <a:off x="2238914" y="5118734"/>
            <a:ext cx="1620000" cy="234000"/>
          </a:xfrm>
          <a:prstGeom prst="rect">
            <a:avLst/>
          </a:prstGeom>
          <a:solidFill>
            <a:srgbClr val="C9FF71"/>
          </a:solidFill>
          <a:ln w="0">
            <a:noFill/>
          </a:ln>
          <a:effectLst/>
          <a:scene3d>
            <a:camera prst="orthographicFront"/>
            <a:lightRig rig="threePt" dir="t"/>
          </a:scene3d>
          <a:sp3d>
            <a:bevelT w="63500" h="38100"/>
          </a:sp3d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lIns="0" tIns="36000" rIns="0" bIns="0"/>
          <a:lstStyle/>
          <a:p>
            <a:pPr algn="ctr">
              <a:spcBef>
                <a:spcPts val="0"/>
              </a:spcBef>
              <a:defRPr/>
            </a:pPr>
            <a:r>
              <a:rPr lang="ja-JP" altLang="en-US" sz="1200" b="1" dirty="0">
                <a:solidFill>
                  <a:schemeClr val="tx1"/>
                </a:solidFill>
                <a:latin typeface="MS UI Gothic" panose="020B0600070205080204" pitchFamily="50" charset="-128"/>
                <a:ea typeface="MS UI Gothic" panose="020B0600070205080204" pitchFamily="50" charset="-128"/>
              </a:rPr>
              <a:t>②劣化・損傷個所の計測</a:t>
            </a:r>
          </a:p>
        </p:txBody>
      </p:sp>
      <p:sp>
        <p:nvSpPr>
          <p:cNvPr id="21" name="テキスト ボックス 20">
            <a:extLst>
              <a:ext uri="{FF2B5EF4-FFF2-40B4-BE49-F238E27FC236}">
                <a16:creationId xmlns:a16="http://schemas.microsoft.com/office/drawing/2014/main" id="{8DA3328A-E4E8-41F1-80DC-3D0DFA3997AF}"/>
              </a:ext>
            </a:extLst>
          </p:cNvPr>
          <p:cNvSpPr txBox="1"/>
          <p:nvPr/>
        </p:nvSpPr>
        <p:spPr>
          <a:xfrm>
            <a:off x="2238375" y="5392738"/>
            <a:ext cx="1620838" cy="1152525"/>
          </a:xfrm>
          <a:prstGeom prst="rect">
            <a:avLst/>
          </a:prstGeom>
          <a:solidFill>
            <a:schemeClr val="bg1"/>
          </a:solidFill>
          <a:ln w="12700">
            <a:solidFill>
              <a:schemeClr val="bg1">
                <a:lumMod val="65000"/>
              </a:schemeClr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lIns="36000" tIns="0" rIns="36000" bIns="0"/>
          <a:lstStyle/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高所など近づけない劣化・損傷箇所の把握性能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劣化・損傷箇所の計測性能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機器の操作性</a:t>
            </a:r>
          </a:p>
        </p:txBody>
      </p:sp>
      <p:sp>
        <p:nvSpPr>
          <p:cNvPr id="22" name="テキスト ボックス 21">
            <a:extLst>
              <a:ext uri="{FF2B5EF4-FFF2-40B4-BE49-F238E27FC236}">
                <a16:creationId xmlns:a16="http://schemas.microsoft.com/office/drawing/2014/main" id="{2A0A19FD-DCBE-4803-B477-023911D648CD}"/>
              </a:ext>
            </a:extLst>
          </p:cNvPr>
          <p:cNvSpPr txBox="1"/>
          <p:nvPr/>
        </p:nvSpPr>
        <p:spPr>
          <a:xfrm>
            <a:off x="3965936" y="5118734"/>
            <a:ext cx="1620000" cy="234000"/>
          </a:xfrm>
          <a:prstGeom prst="rect">
            <a:avLst/>
          </a:prstGeom>
          <a:solidFill>
            <a:srgbClr val="C9FF71"/>
          </a:solidFill>
          <a:ln w="0">
            <a:noFill/>
          </a:ln>
          <a:effectLst/>
          <a:scene3d>
            <a:camera prst="orthographicFront"/>
            <a:lightRig rig="threePt" dir="t"/>
          </a:scene3d>
          <a:sp3d>
            <a:bevelT w="63500" h="38100"/>
          </a:sp3d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lIns="0" tIns="36000" rIns="0" bIns="0"/>
          <a:lstStyle/>
          <a:p>
            <a:pPr algn="ctr">
              <a:spcBef>
                <a:spcPts val="0"/>
              </a:spcBef>
              <a:defRPr/>
            </a:pPr>
            <a:r>
              <a:rPr lang="ja-JP" altLang="en-US" sz="1200" b="1" dirty="0">
                <a:solidFill>
                  <a:schemeClr val="tx1"/>
                </a:solidFill>
                <a:latin typeface="MS UI Gothic" panose="020B0600070205080204" pitchFamily="50" charset="-128"/>
                <a:ea typeface="MS UI Gothic" panose="020B0600070205080204" pitchFamily="50" charset="-128"/>
              </a:rPr>
              <a:t>③狭隘箇所の点検</a:t>
            </a:r>
          </a:p>
        </p:txBody>
      </p:sp>
      <p:sp>
        <p:nvSpPr>
          <p:cNvPr id="23" name="テキスト ボックス 22">
            <a:extLst>
              <a:ext uri="{FF2B5EF4-FFF2-40B4-BE49-F238E27FC236}">
                <a16:creationId xmlns:a16="http://schemas.microsoft.com/office/drawing/2014/main" id="{EC8DC18F-CE46-4B19-83FD-37BAE1B12F79}"/>
              </a:ext>
            </a:extLst>
          </p:cNvPr>
          <p:cNvSpPr txBox="1"/>
          <p:nvPr/>
        </p:nvSpPr>
        <p:spPr>
          <a:xfrm>
            <a:off x="3965575" y="5392738"/>
            <a:ext cx="1620838" cy="1152525"/>
          </a:xfrm>
          <a:prstGeom prst="rect">
            <a:avLst/>
          </a:prstGeom>
          <a:solidFill>
            <a:schemeClr val="bg1"/>
          </a:solidFill>
          <a:ln w="12700">
            <a:solidFill>
              <a:schemeClr val="bg1">
                <a:lumMod val="65000"/>
              </a:schemeClr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lIns="36000" tIns="0" rIns="36000" bIns="0"/>
          <a:lstStyle/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視通困難な狭隘箇所の把握性能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劣化・損傷箇所の計測性能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機器の操作性</a:t>
            </a:r>
          </a:p>
        </p:txBody>
      </p:sp>
      <p:sp>
        <p:nvSpPr>
          <p:cNvPr id="24" name="テキスト ボックス 23">
            <a:extLst>
              <a:ext uri="{FF2B5EF4-FFF2-40B4-BE49-F238E27FC236}">
                <a16:creationId xmlns:a16="http://schemas.microsoft.com/office/drawing/2014/main" id="{07C4C6D3-093D-4CFC-B756-5C351BC7C0C4}"/>
              </a:ext>
            </a:extLst>
          </p:cNvPr>
          <p:cNvSpPr txBox="1"/>
          <p:nvPr/>
        </p:nvSpPr>
        <p:spPr>
          <a:xfrm>
            <a:off x="5692958" y="5118734"/>
            <a:ext cx="1620000" cy="234000"/>
          </a:xfrm>
          <a:prstGeom prst="rect">
            <a:avLst/>
          </a:prstGeom>
          <a:solidFill>
            <a:srgbClr val="C9FF71"/>
          </a:solidFill>
          <a:ln w="0">
            <a:noFill/>
          </a:ln>
          <a:effectLst/>
          <a:scene3d>
            <a:camera prst="orthographicFront"/>
            <a:lightRig rig="threePt" dir="t"/>
          </a:scene3d>
          <a:sp3d>
            <a:bevelT w="63500" h="38100"/>
          </a:sp3d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lIns="0" tIns="36000" rIns="0" bIns="0"/>
          <a:lstStyle/>
          <a:p>
            <a:pPr algn="ctr">
              <a:spcBef>
                <a:spcPts val="0"/>
              </a:spcBef>
              <a:defRPr/>
            </a:pPr>
            <a:r>
              <a:rPr lang="ja-JP" altLang="en-US" sz="1200" b="1" dirty="0">
                <a:solidFill>
                  <a:schemeClr val="tx1"/>
                </a:solidFill>
                <a:latin typeface="MS UI Gothic" panose="020B0600070205080204" pitchFamily="50" charset="-128"/>
                <a:ea typeface="MS UI Gothic" panose="020B0600070205080204" pitchFamily="50" charset="-128"/>
              </a:rPr>
              <a:t>④遠隔指示による点検</a:t>
            </a:r>
          </a:p>
        </p:txBody>
      </p:sp>
      <p:sp>
        <p:nvSpPr>
          <p:cNvPr id="25" name="テキスト ボックス 24">
            <a:extLst>
              <a:ext uri="{FF2B5EF4-FFF2-40B4-BE49-F238E27FC236}">
                <a16:creationId xmlns:a16="http://schemas.microsoft.com/office/drawing/2014/main" id="{959A6672-A06D-4F0C-8C40-612AD919F0EE}"/>
              </a:ext>
            </a:extLst>
          </p:cNvPr>
          <p:cNvSpPr txBox="1"/>
          <p:nvPr/>
        </p:nvSpPr>
        <p:spPr>
          <a:xfrm>
            <a:off x="5692775" y="5392738"/>
            <a:ext cx="1620838" cy="1152525"/>
          </a:xfrm>
          <a:prstGeom prst="rect">
            <a:avLst/>
          </a:prstGeom>
          <a:solidFill>
            <a:schemeClr val="bg1"/>
          </a:solidFill>
          <a:ln w="12700">
            <a:solidFill>
              <a:schemeClr val="bg1">
                <a:lumMod val="65000"/>
              </a:schemeClr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lIns="36000" tIns="0" rIns="36000" bIns="0"/>
          <a:lstStyle/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機器の装着性・操作性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通信ソフトウェアの実用性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取得データの品質</a:t>
            </a:r>
          </a:p>
        </p:txBody>
      </p:sp>
      <p:sp>
        <p:nvSpPr>
          <p:cNvPr id="26" name="テキスト ボックス 25">
            <a:extLst>
              <a:ext uri="{FF2B5EF4-FFF2-40B4-BE49-F238E27FC236}">
                <a16:creationId xmlns:a16="http://schemas.microsoft.com/office/drawing/2014/main" id="{56837A69-AC35-4C48-96EE-FB08233DB12B}"/>
              </a:ext>
            </a:extLst>
          </p:cNvPr>
          <p:cNvSpPr txBox="1"/>
          <p:nvPr/>
        </p:nvSpPr>
        <p:spPr>
          <a:xfrm>
            <a:off x="7419981" y="5118734"/>
            <a:ext cx="1620000" cy="234000"/>
          </a:xfrm>
          <a:prstGeom prst="rect">
            <a:avLst/>
          </a:prstGeom>
          <a:solidFill>
            <a:srgbClr val="C9FF71"/>
          </a:solidFill>
          <a:ln w="0">
            <a:noFill/>
          </a:ln>
          <a:effectLst/>
          <a:scene3d>
            <a:camera prst="orthographicFront"/>
            <a:lightRig rig="threePt" dir="t"/>
          </a:scene3d>
          <a:sp3d>
            <a:bevelT w="63500" h="38100"/>
          </a:sp3d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lIns="0" tIns="36000" rIns="0" bIns="0"/>
          <a:lstStyle/>
          <a:p>
            <a:pPr algn="ctr">
              <a:spcBef>
                <a:spcPts val="0"/>
              </a:spcBef>
              <a:defRPr/>
            </a:pPr>
            <a:r>
              <a:rPr lang="ja-JP" altLang="en-US" sz="1200" b="1" dirty="0">
                <a:solidFill>
                  <a:schemeClr val="tx1"/>
                </a:solidFill>
                <a:latin typeface="MS UI Gothic" panose="020B0600070205080204" pitchFamily="50" charset="-128"/>
                <a:ea typeface="MS UI Gothic" panose="020B0600070205080204" pitchFamily="50" charset="-128"/>
              </a:rPr>
              <a:t>⑤復元図の作成</a:t>
            </a:r>
          </a:p>
        </p:txBody>
      </p:sp>
      <p:sp>
        <p:nvSpPr>
          <p:cNvPr id="27" name="テキスト ボックス 26">
            <a:extLst>
              <a:ext uri="{FF2B5EF4-FFF2-40B4-BE49-F238E27FC236}">
                <a16:creationId xmlns:a16="http://schemas.microsoft.com/office/drawing/2014/main" id="{DF7A5170-3525-431E-AB85-1DC3805F519C}"/>
              </a:ext>
            </a:extLst>
          </p:cNvPr>
          <p:cNvSpPr txBox="1"/>
          <p:nvPr/>
        </p:nvSpPr>
        <p:spPr>
          <a:xfrm>
            <a:off x="7419975" y="5392738"/>
            <a:ext cx="1619250" cy="1152525"/>
          </a:xfrm>
          <a:prstGeom prst="rect">
            <a:avLst/>
          </a:prstGeom>
          <a:solidFill>
            <a:schemeClr val="bg1"/>
          </a:solidFill>
          <a:ln w="12700">
            <a:solidFill>
              <a:schemeClr val="bg1">
                <a:lumMod val="65000"/>
              </a:schemeClr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lIns="36000" tIns="0" rIns="36000" bIns="0"/>
          <a:lstStyle/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機器の操作性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取得データの精度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部位の判読性能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  <a:p>
            <a:pPr marL="130175" indent="-130175">
              <a:spcBef>
                <a:spcPts val="0"/>
              </a:spcBef>
              <a:buFont typeface="Verdana" panose="020B0604030504040204" pitchFamily="34" charset="0"/>
              <a:buChar char="•"/>
              <a:defRPr/>
            </a:pPr>
            <a:r>
              <a:rPr lang="ja-JP" altLang="en-US" sz="1200" dirty="0">
                <a:solidFill>
                  <a:schemeClr val="tx1"/>
                </a:solidFill>
                <a:latin typeface="ＭＳ Ｐゴシック" panose="020B0600070205080204" pitchFamily="50" charset="-128"/>
              </a:rPr>
              <a:t>復元図の作成方法</a:t>
            </a:r>
            <a:endParaRPr lang="en-US" altLang="ja-JP" sz="1200" dirty="0">
              <a:solidFill>
                <a:schemeClr val="tx1"/>
              </a:solidFill>
              <a:latin typeface="ＭＳ Ｐゴシック" panose="020B0600070205080204" pitchFamily="50" charset="-128"/>
            </a:endParaRPr>
          </a:p>
        </p:txBody>
      </p:sp>
      <p:sp>
        <p:nvSpPr>
          <p:cNvPr id="29" name="テキスト ボックス 28">
            <a:extLst>
              <a:ext uri="{FF2B5EF4-FFF2-40B4-BE49-F238E27FC236}">
                <a16:creationId xmlns:a16="http://schemas.microsoft.com/office/drawing/2014/main" id="{078AB803-8FA2-4BB9-A9C7-4EA50D511BEB}"/>
              </a:ext>
            </a:extLst>
          </p:cNvPr>
          <p:cNvSpPr txBox="1"/>
          <p:nvPr/>
        </p:nvSpPr>
        <p:spPr>
          <a:xfrm>
            <a:off x="7392481" y="1625164"/>
            <a:ext cx="1656000" cy="234000"/>
          </a:xfrm>
          <a:prstGeom prst="rect">
            <a:avLst/>
          </a:prstGeom>
          <a:solidFill>
            <a:srgbClr val="A3DAEB"/>
          </a:solidFill>
          <a:ln/>
          <a:effectLst/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38100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lIns="0" tIns="36000" rIns="0" bIns="0" anchor="ctr"/>
          <a:lstStyle/>
          <a:p>
            <a:pPr algn="ctr">
              <a:lnSpc>
                <a:spcPts val="1600"/>
              </a:lnSpc>
              <a:spcBef>
                <a:spcPts val="0"/>
              </a:spcBef>
              <a:defRPr/>
            </a:pPr>
            <a:r>
              <a:rPr lang="ja-JP" altLang="en-US" sz="1200" b="1" dirty="0">
                <a:solidFill>
                  <a:schemeClr val="tx1"/>
                </a:solidFill>
                <a:latin typeface="MS UI Gothic" panose="020B0600070205080204" pitchFamily="50" charset="-128"/>
                <a:ea typeface="MS UI Gothic" panose="020B0600070205080204" pitchFamily="50" charset="-128"/>
              </a:rPr>
              <a:t>レーザ・画像解析システム</a:t>
            </a:r>
          </a:p>
        </p:txBody>
      </p:sp>
      <p:pic>
        <p:nvPicPr>
          <p:cNvPr id="30" name="Picture 5" descr="C:\Users\yt19461\Documents\My Data\10 KKC\H27年度\ち　中央官庁事業推進室\も　モニタリングシステム技術研究組合\30 プロジェクト管理\◆自治体ヒアリング\富山市\◆富山市の実験\報告資料の作成\FARO Focus3D X330\Focus_3D_X330_c.jpg">
            <a:extLst>
              <a:ext uri="{FF2B5EF4-FFF2-40B4-BE49-F238E27FC236}">
                <a16:creationId xmlns:a16="http://schemas.microsoft.com/office/drawing/2014/main" id="{4542CD47-0DFE-485A-AE15-FCAD2344FA5A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6"/>
          <a:srcRect l="4985" r="19964"/>
          <a:stretch/>
        </p:blipFill>
        <p:spPr bwMode="auto">
          <a:xfrm>
            <a:off x="7521575" y="1949450"/>
            <a:ext cx="1439863" cy="1081088"/>
          </a:xfrm>
          <a:prstGeom prst="rect">
            <a:avLst/>
          </a:prstGeom>
          <a:noFill/>
          <a:ln w="0">
            <a:solidFill>
              <a:schemeClr val="tx1">
                <a:lumMod val="65000"/>
                <a:lumOff val="35000"/>
              </a:schemeClr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1" name="テキスト ボックス 30">
            <a:extLst>
              <a:ext uri="{FF2B5EF4-FFF2-40B4-BE49-F238E27FC236}">
                <a16:creationId xmlns:a16="http://schemas.microsoft.com/office/drawing/2014/main" id="{76AE61A3-4F49-4540-8B69-7FEF594547E1}"/>
              </a:ext>
            </a:extLst>
          </p:cNvPr>
          <p:cNvSpPr txBox="1"/>
          <p:nvPr/>
        </p:nvSpPr>
        <p:spPr>
          <a:xfrm>
            <a:off x="566738" y="692150"/>
            <a:ext cx="3910012" cy="692150"/>
          </a:xfrm>
          <a:prstGeom prst="roundRect">
            <a:avLst/>
          </a:prstGeom>
          <a:noFill/>
          <a:ln w="19050">
            <a:solidFill>
              <a:schemeClr val="bg1">
                <a:lumMod val="65000"/>
              </a:schemeClr>
            </a:solidFill>
          </a:ln>
          <a:effectLst/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lIns="0" tIns="0" rIns="0" bIns="0"/>
          <a:lstStyle/>
          <a:p>
            <a:pPr algn="ctr">
              <a:spcBef>
                <a:spcPts val="0"/>
              </a:spcBef>
              <a:defRPr/>
            </a:pPr>
            <a:r>
              <a:rPr lang="ja-JP" altLang="en-US" b="1" dirty="0">
                <a:solidFill>
                  <a:schemeClr val="tx1"/>
                </a:solidFill>
                <a:latin typeface="+mn-ea"/>
              </a:rPr>
              <a:t>レーザー画像解析でのひび割れ検証</a:t>
            </a:r>
            <a:endParaRPr lang="en-US" altLang="ja-JP" b="1" dirty="0">
              <a:solidFill>
                <a:schemeClr val="tx1"/>
              </a:solidFill>
              <a:latin typeface="+mn-ea"/>
            </a:endParaRPr>
          </a:p>
          <a:p>
            <a:pPr algn="ctr">
              <a:spcBef>
                <a:spcPts val="0"/>
              </a:spcBef>
              <a:defRPr/>
            </a:pPr>
            <a:r>
              <a:rPr lang="ja-JP" altLang="en-US" b="1" dirty="0">
                <a:solidFill>
                  <a:schemeClr val="tx1"/>
                </a:solidFill>
                <a:latin typeface="+mn-ea"/>
              </a:rPr>
              <a:t>手抜きの点検よりも正直である</a:t>
            </a:r>
          </a:p>
        </p:txBody>
      </p:sp>
      <p:sp>
        <p:nvSpPr>
          <p:cNvPr id="32" name="テキスト ボックス 31">
            <a:extLst>
              <a:ext uri="{FF2B5EF4-FFF2-40B4-BE49-F238E27FC236}">
                <a16:creationId xmlns:a16="http://schemas.microsoft.com/office/drawing/2014/main" id="{4D4ACA16-5CA8-461F-B432-F8AC0FAB1B0B}"/>
              </a:ext>
            </a:extLst>
          </p:cNvPr>
          <p:cNvSpPr txBox="1"/>
          <p:nvPr/>
        </p:nvSpPr>
        <p:spPr>
          <a:xfrm>
            <a:off x="5668016" y="1625164"/>
            <a:ext cx="1656000" cy="234000"/>
          </a:xfrm>
          <a:prstGeom prst="rect">
            <a:avLst/>
          </a:prstGeom>
          <a:solidFill>
            <a:srgbClr val="A3DAEB"/>
          </a:solidFill>
          <a:ln/>
          <a:effectLst/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38100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lIns="0" tIns="36000" rIns="0" bIns="0" anchor="ctr"/>
          <a:lstStyle/>
          <a:p>
            <a:pPr algn="ctr">
              <a:lnSpc>
                <a:spcPts val="1600"/>
              </a:lnSpc>
              <a:spcBef>
                <a:spcPts val="0"/>
              </a:spcBef>
              <a:defRPr/>
            </a:pPr>
            <a:r>
              <a:rPr lang="ja-JP" altLang="en-US" sz="1200" b="1" dirty="0">
                <a:solidFill>
                  <a:schemeClr val="tx1"/>
                </a:solidFill>
                <a:latin typeface="MS UI Gothic" panose="020B0600070205080204" pitchFamily="50" charset="-128"/>
                <a:ea typeface="MS UI Gothic" panose="020B0600070205080204" pitchFamily="50" charset="-128"/>
              </a:rPr>
              <a:t>ウェアラブルカメラシステム</a:t>
            </a:r>
          </a:p>
        </p:txBody>
      </p:sp>
      <p:grpSp>
        <p:nvGrpSpPr>
          <p:cNvPr id="33" name="グループ化 32">
            <a:extLst>
              <a:ext uri="{FF2B5EF4-FFF2-40B4-BE49-F238E27FC236}">
                <a16:creationId xmlns:a16="http://schemas.microsoft.com/office/drawing/2014/main" id="{32FA8D94-1A9F-4397-BD9B-B4F4C096ECF0}"/>
              </a:ext>
            </a:extLst>
          </p:cNvPr>
          <p:cNvGrpSpPr/>
          <p:nvPr/>
        </p:nvGrpSpPr>
        <p:grpSpPr>
          <a:xfrm>
            <a:off x="5782880" y="1950239"/>
            <a:ext cx="1440000" cy="1080000"/>
            <a:chOff x="4599136" y="2166452"/>
            <a:chExt cx="1440000" cy="1080000"/>
          </a:xfr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34" name="正方形/長方形 33">
              <a:extLst>
                <a:ext uri="{FF2B5EF4-FFF2-40B4-BE49-F238E27FC236}">
                  <a16:creationId xmlns:a16="http://schemas.microsoft.com/office/drawing/2014/main" id="{5F80F769-8465-4119-8680-6763FBFC782D}"/>
                </a:ext>
              </a:extLst>
            </p:cNvPr>
            <p:cNvSpPr/>
            <p:nvPr/>
          </p:nvSpPr>
          <p:spPr bwMode="auto">
            <a:xfrm>
              <a:off x="4599136" y="2166452"/>
              <a:ext cx="1440000" cy="1080000"/>
            </a:xfrm>
            <a:prstGeom prst="rect">
              <a:avLst/>
            </a:prstGeom>
            <a:solidFill>
              <a:schemeClr val="bg1"/>
            </a:solidFill>
            <a:ln w="0" cap="flat" cmpd="sng" algn="ctr">
              <a:solidFill>
                <a:schemeClr val="tx1">
                  <a:lumMod val="65000"/>
                  <a:lumOff val="35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style>
            <a:lnRef idx="0">
              <a:scrgbClr r="0" g="0" b="0"/>
            </a:lnRef>
            <a:fillRef idx="1002">
              <a:schemeClr val="lt1"/>
            </a:fillRef>
            <a:effectRef idx="0">
              <a:scrgbClr r="0" g="0" b="0"/>
            </a:effectRef>
            <a:fontRef idx="major"/>
          </p:style>
          <p:txBody>
            <a:bodyPr lIns="0" tIns="0" rIns="0" bIns="0">
              <a:spAutoFit/>
            </a:bodyPr>
            <a:lstStyle/>
            <a:p>
              <a:pPr>
                <a:spcBef>
                  <a:spcPct val="50000"/>
                </a:spcBef>
                <a:defRPr/>
              </a:pPr>
              <a:endParaRPr lang="ja-JP" altLang="en-US" dirty="0">
                <a:solidFill>
                  <a:srgbClr val="000000"/>
                </a:solidFill>
                <a:latin typeface="ＭＳ Ｐゴシック" pitchFamily="50" charset="-128"/>
              </a:endParaRPr>
            </a:p>
          </p:txBody>
        </p:sp>
        <p:pic>
          <p:nvPicPr>
            <p:cNvPr id="35" name="Picture 8" descr="C:\Users\yt19461\Pictures\tmb20151228_01.jpg">
              <a:extLst>
                <a:ext uri="{FF2B5EF4-FFF2-40B4-BE49-F238E27FC236}">
                  <a16:creationId xmlns:a16="http://schemas.microsoft.com/office/drawing/2014/main" id="{E07ECBDD-2B3C-4935-A9EB-374CC1E7E09C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64869" y="2318565"/>
              <a:ext cx="1308534" cy="77577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36" name="正方形/長方形 35">
            <a:extLst>
              <a:ext uri="{FF2B5EF4-FFF2-40B4-BE49-F238E27FC236}">
                <a16:creationId xmlns:a16="http://schemas.microsoft.com/office/drawing/2014/main" id="{DC615579-3041-42AD-97F5-4E4BE42EC547}"/>
              </a:ext>
            </a:extLst>
          </p:cNvPr>
          <p:cNvSpPr/>
          <p:nvPr/>
        </p:nvSpPr>
        <p:spPr bwMode="auto">
          <a:xfrm>
            <a:off x="566738" y="1949450"/>
            <a:ext cx="1439862" cy="1081088"/>
          </a:xfrm>
          <a:prstGeom prst="rect">
            <a:avLst/>
          </a:prstGeom>
          <a:solidFill>
            <a:schemeClr val="bg1"/>
          </a:solidFill>
          <a:ln w="0" cap="flat" cmpd="sng" algn="ctr">
            <a:solidFill>
              <a:schemeClr val="tx1">
                <a:lumMod val="50000"/>
                <a:lumOff val="50000"/>
              </a:schemeClr>
            </a:solidFill>
            <a:prstDash val="solid"/>
            <a:round/>
            <a:headEnd type="none" w="med" len="med"/>
            <a:tailEnd type="none" w="med" len="med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0">
            <a:scrgbClr r="0" g="0" b="0"/>
          </a:lnRef>
          <a:fillRef idx="1002">
            <a:schemeClr val="lt1"/>
          </a:fillRef>
          <a:effectRef idx="0">
            <a:scrgbClr r="0" g="0" b="0"/>
          </a:effectRef>
          <a:fontRef idx="major"/>
        </p:style>
        <p:txBody>
          <a:bodyPr lIns="0" tIns="0" rIns="0" bIns="0">
            <a:spAutoFit/>
          </a:bodyPr>
          <a:lstStyle/>
          <a:p>
            <a:pPr>
              <a:spcBef>
                <a:spcPct val="50000"/>
              </a:spcBef>
              <a:defRPr/>
            </a:pPr>
            <a:endParaRPr lang="ja-JP" altLang="en-US" dirty="0">
              <a:solidFill>
                <a:srgbClr val="000000"/>
              </a:solidFill>
              <a:latin typeface="ＭＳ Ｐゴシック" pitchFamily="50" charset="-128"/>
            </a:endParaRPr>
          </a:p>
        </p:txBody>
      </p:sp>
      <p:sp>
        <p:nvSpPr>
          <p:cNvPr id="37" name="テキスト ボックス 36">
            <a:extLst>
              <a:ext uri="{FF2B5EF4-FFF2-40B4-BE49-F238E27FC236}">
                <a16:creationId xmlns:a16="http://schemas.microsoft.com/office/drawing/2014/main" id="{F2493F64-1EF9-443C-BC52-7C9C412884D6}"/>
              </a:ext>
            </a:extLst>
          </p:cNvPr>
          <p:cNvSpPr txBox="1"/>
          <p:nvPr/>
        </p:nvSpPr>
        <p:spPr>
          <a:xfrm>
            <a:off x="494624" y="1625164"/>
            <a:ext cx="1656000" cy="234000"/>
          </a:xfrm>
          <a:prstGeom prst="rect">
            <a:avLst/>
          </a:prstGeom>
          <a:solidFill>
            <a:srgbClr val="A3DAEB"/>
          </a:solidFill>
          <a:ln/>
          <a:effectLst/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38100"/>
          </a:sp3d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lIns="0" tIns="36000" rIns="0" bIns="0" anchor="ctr"/>
          <a:lstStyle/>
          <a:p>
            <a:pPr algn="ctr">
              <a:lnSpc>
                <a:spcPts val="1600"/>
              </a:lnSpc>
              <a:spcBef>
                <a:spcPts val="0"/>
              </a:spcBef>
              <a:defRPr/>
            </a:pPr>
            <a:r>
              <a:rPr lang="ja-JP" altLang="en-US" sz="1200" b="1" dirty="0">
                <a:solidFill>
                  <a:schemeClr val="tx1"/>
                </a:solidFill>
                <a:latin typeface="MS UI Gothic" panose="020B0600070205080204" pitchFamily="50" charset="-128"/>
                <a:ea typeface="MS UI Gothic" panose="020B0600070205080204" pitchFamily="50" charset="-128"/>
              </a:rPr>
              <a:t>単画像解析システム</a:t>
            </a:r>
          </a:p>
        </p:txBody>
      </p:sp>
      <p:pic>
        <p:nvPicPr>
          <p:cNvPr id="79927" name="Picture 10" descr="C:\Users\yt19461\Documents\My Data\10 KKC\H27年度\ち　中央官庁事業推進室\も　モニタリングシステム技術研究組合\30 プロジェクト管理\◆自治体ヒアリング\富山市\◆富山市の実験\報告資料の作成\シーアイエス\gm60.png">
            <a:extLst>
              <a:ext uri="{FF2B5EF4-FFF2-40B4-BE49-F238E27FC236}">
                <a16:creationId xmlns:a16="http://schemas.microsoft.com/office/drawing/2014/main" id="{4D61AB25-83FB-4D07-8FE8-49AFF9F891C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1375" y="2055813"/>
            <a:ext cx="889000" cy="889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9928" name="下矢印 38">
            <a:extLst>
              <a:ext uri="{FF2B5EF4-FFF2-40B4-BE49-F238E27FC236}">
                <a16:creationId xmlns:a16="http://schemas.microsoft.com/office/drawing/2014/main" id="{0BFB1B02-AF8B-478A-9C12-F3DC0F751133}"/>
              </a:ext>
            </a:extLst>
          </p:cNvPr>
          <p:cNvSpPr>
            <a:spLocks noChangeArrowheads="1"/>
          </p:cNvSpPr>
          <p:nvPr/>
        </p:nvSpPr>
        <p:spPr bwMode="auto">
          <a:xfrm>
            <a:off x="134938" y="3128963"/>
            <a:ext cx="215900" cy="179387"/>
          </a:xfrm>
          <a:prstGeom prst="downArrow">
            <a:avLst>
              <a:gd name="adj1" fmla="val 50000"/>
              <a:gd name="adj2" fmla="val 50000"/>
            </a:avLst>
          </a:prstGeom>
          <a:solidFill>
            <a:schemeClr val="tx1"/>
          </a:solidFill>
          <a:ln>
            <a:noFill/>
          </a:ln>
          <a:extLst>
            <a:ext uri="{91240B29-F687-4F45-9708-019B960494DF}">
              <a14:hiddenLine xmlns:a14="http://schemas.microsoft.com/office/drawing/2010/main" w="0" algn="ctr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lIns="0" tIns="0" rIns="0" bIns="0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endParaRPr lang="ja-JP" altLang="en-US">
              <a:solidFill>
                <a:srgbClr val="000000"/>
              </a:solidFill>
              <a:latin typeface="ＭＳ Ｐゴシック" panose="020B0600070205080204" pitchFamily="50" charset="-128"/>
            </a:endParaRPr>
          </a:p>
        </p:txBody>
      </p:sp>
      <p:sp>
        <p:nvSpPr>
          <p:cNvPr id="79929" name="下矢印 39">
            <a:extLst>
              <a:ext uri="{FF2B5EF4-FFF2-40B4-BE49-F238E27FC236}">
                <a16:creationId xmlns:a16="http://schemas.microsoft.com/office/drawing/2014/main" id="{FE225AF9-6C33-4CD9-986B-9C0D94B8D74E}"/>
              </a:ext>
            </a:extLst>
          </p:cNvPr>
          <p:cNvSpPr>
            <a:spLocks noChangeArrowheads="1"/>
          </p:cNvSpPr>
          <p:nvPr/>
        </p:nvSpPr>
        <p:spPr bwMode="auto">
          <a:xfrm>
            <a:off x="134938" y="4875213"/>
            <a:ext cx="215900" cy="179387"/>
          </a:xfrm>
          <a:prstGeom prst="downArrow">
            <a:avLst>
              <a:gd name="adj1" fmla="val 50000"/>
              <a:gd name="adj2" fmla="val 50000"/>
            </a:avLst>
          </a:prstGeom>
          <a:solidFill>
            <a:schemeClr val="tx1"/>
          </a:solidFill>
          <a:ln>
            <a:noFill/>
          </a:ln>
          <a:extLst>
            <a:ext uri="{91240B29-F687-4F45-9708-019B960494DF}">
              <a14:hiddenLine xmlns:a14="http://schemas.microsoft.com/office/drawing/2010/main" w="0" algn="ctr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lIns="0" tIns="0" rIns="0" bIns="0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>
              <a:spcBef>
                <a:spcPct val="50000"/>
              </a:spcBef>
            </a:pPr>
            <a:endParaRPr lang="ja-JP" altLang="en-US">
              <a:solidFill>
                <a:srgbClr val="000000"/>
              </a:solidFill>
              <a:latin typeface="ＭＳ Ｐゴシック" panose="020B0600070205080204" pitchFamily="50" charset="-128"/>
            </a:endParaRPr>
          </a:p>
        </p:txBody>
      </p:sp>
      <p:pic>
        <p:nvPicPr>
          <p:cNvPr id="3" name="Picture 2" descr="C:\Users\yt19461\Documents\My Data\10 KKC\H27年度\ち　中央官庁事業推進室\も　モニタリングシステム技術研究組合\30 プロジェクト管理\◆自治体ヒアリング\富山市\◆富山市の実験\報告資料の作成_NEW\オリンパス\resized\iplex-rx_6.jpg">
            <a:extLst>
              <a:ext uri="{FF2B5EF4-FFF2-40B4-BE49-F238E27FC236}">
                <a16:creationId xmlns:a16="http://schemas.microsoft.com/office/drawing/2014/main" id="{953E4C34-604B-447D-9E39-042372E991D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/>
          <a:srcRect/>
          <a:stretch>
            <a:fillRect/>
          </a:stretch>
        </p:blipFill>
        <p:spPr bwMode="auto">
          <a:xfrm>
            <a:off x="4048125" y="1949450"/>
            <a:ext cx="1431925" cy="1081088"/>
          </a:xfrm>
          <a:prstGeom prst="rect">
            <a:avLst/>
          </a:prstGeom>
          <a:noFill/>
          <a:ln w="0">
            <a:solidFill>
              <a:schemeClr val="tx1">
                <a:lumMod val="50000"/>
                <a:lumOff val="50000"/>
              </a:schemeClr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9931" name="Picture 4">
            <a:extLst>
              <a:ext uri="{FF2B5EF4-FFF2-40B4-BE49-F238E27FC236}">
                <a16:creationId xmlns:a16="http://schemas.microsoft.com/office/drawing/2014/main" id="{CF1A286D-5A71-4975-8334-F04094E6BAF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80063" y="-30163"/>
            <a:ext cx="3568700" cy="16557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右矢印 3">
            <a:extLst>
              <a:ext uri="{FF2B5EF4-FFF2-40B4-BE49-F238E27FC236}">
                <a16:creationId xmlns:a16="http://schemas.microsoft.com/office/drawing/2014/main" id="{552295C2-86FB-4405-89C4-2D9D4792BE1E}"/>
              </a:ext>
            </a:extLst>
          </p:cNvPr>
          <p:cNvSpPr/>
          <p:nvPr/>
        </p:nvSpPr>
        <p:spPr>
          <a:xfrm>
            <a:off x="4643438" y="755650"/>
            <a:ext cx="695325" cy="485775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ja-JP" altLang="en-US"/>
          </a:p>
        </p:txBody>
      </p:sp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898" name="スライド番号プレースホルダー 1">
            <a:extLst>
              <a:ext uri="{FF2B5EF4-FFF2-40B4-BE49-F238E27FC236}">
                <a16:creationId xmlns:a16="http://schemas.microsoft.com/office/drawing/2014/main" id="{E761654E-7B1B-458D-B600-7F20E4F7D80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r>
              <a:rPr kumimoji="1" lang="en-US" altLang="ja-JP" sz="1200">
                <a:solidFill>
                  <a:schemeClr val="bg1"/>
                </a:solidFill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-</a:t>
            </a:r>
            <a:fld id="{24603BB4-CC21-477D-8721-E87AD6DBC03B}" type="slidenum">
              <a:rPr kumimoji="1" lang="en-US" altLang="ja-JP" sz="1200">
                <a:solidFill>
                  <a:schemeClr val="bg1"/>
                </a:solidFill>
                <a:latin typeface="HGPｺﾞｼｯｸE" panose="020B0900000000000000" pitchFamily="50" charset="-128"/>
                <a:ea typeface="HGPｺﾞｼｯｸE" panose="020B0900000000000000" pitchFamily="50" charset="-128"/>
              </a:rPr>
              <a:pPr/>
              <a:t>32</a:t>
            </a:fld>
            <a:r>
              <a:rPr kumimoji="1" lang="en-US" altLang="ja-JP" sz="1200">
                <a:solidFill>
                  <a:schemeClr val="bg1"/>
                </a:solidFill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-</a:t>
            </a:r>
          </a:p>
        </p:txBody>
      </p:sp>
      <p:pic>
        <p:nvPicPr>
          <p:cNvPr id="80899" name="Picture 3">
            <a:extLst>
              <a:ext uri="{FF2B5EF4-FFF2-40B4-BE49-F238E27FC236}">
                <a16:creationId xmlns:a16="http://schemas.microsoft.com/office/drawing/2014/main" id="{D0B74A76-5882-476A-8C89-7FC90BA6C06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1763" y="333375"/>
            <a:ext cx="6965950" cy="30241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0900" name="Picture 4">
            <a:extLst>
              <a:ext uri="{FF2B5EF4-FFF2-40B4-BE49-F238E27FC236}">
                <a16:creationId xmlns:a16="http://schemas.microsoft.com/office/drawing/2014/main" id="{5591FD78-A920-403A-8BCA-DC81FACA581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12988" y="3609975"/>
            <a:ext cx="6696075" cy="31051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0901" name="テキスト ボックス 2">
            <a:extLst>
              <a:ext uri="{FF2B5EF4-FFF2-40B4-BE49-F238E27FC236}">
                <a16:creationId xmlns:a16="http://schemas.microsoft.com/office/drawing/2014/main" id="{4065F3AC-351B-4021-AB51-E2B71F6DE96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04775" y="4365625"/>
            <a:ext cx="2173288" cy="19383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r>
              <a:rPr kumimoji="1" lang="ja-JP" altLang="en-US" sz="2400">
                <a:latin typeface="Arial" panose="020B0604020202020204" pitchFamily="34" charset="0"/>
              </a:rPr>
              <a:t>コンサルの</a:t>
            </a:r>
            <a:endParaRPr kumimoji="1" lang="en-US" altLang="ja-JP" sz="2400">
              <a:latin typeface="Arial" panose="020B0604020202020204" pitchFamily="34" charset="0"/>
            </a:endParaRPr>
          </a:p>
          <a:p>
            <a:pPr eaLnBrk="1" hangingPunct="1"/>
            <a:r>
              <a:rPr kumimoji="1" lang="ja-JP" altLang="en-US" sz="2400">
                <a:latin typeface="Arial" panose="020B0604020202020204" pitchFamily="34" charset="0"/>
              </a:rPr>
              <a:t>手抜きの点検</a:t>
            </a:r>
            <a:endParaRPr kumimoji="1" lang="en-US" altLang="ja-JP" sz="2400">
              <a:latin typeface="Arial" panose="020B0604020202020204" pitchFamily="34" charset="0"/>
            </a:endParaRPr>
          </a:p>
          <a:p>
            <a:pPr eaLnBrk="1" hangingPunct="1"/>
            <a:r>
              <a:rPr kumimoji="1" lang="ja-JP" altLang="en-US" sz="2400">
                <a:latin typeface="Arial" panose="020B0604020202020204" pitchFamily="34" charset="0"/>
              </a:rPr>
              <a:t>結果よりも、</a:t>
            </a:r>
            <a:endParaRPr kumimoji="1" lang="en-US" altLang="ja-JP" sz="2400">
              <a:latin typeface="Arial" panose="020B0604020202020204" pitchFamily="34" charset="0"/>
            </a:endParaRPr>
          </a:p>
          <a:p>
            <a:pPr eaLnBrk="1" hangingPunct="1"/>
            <a:r>
              <a:rPr kumimoji="1" lang="ja-JP" altLang="en-US" sz="2400">
                <a:latin typeface="Arial" panose="020B0604020202020204" pitchFamily="34" charset="0"/>
              </a:rPr>
              <a:t>現場の事実を</a:t>
            </a:r>
            <a:endParaRPr kumimoji="1" lang="en-US" altLang="ja-JP" sz="2400">
              <a:latin typeface="Arial" panose="020B0604020202020204" pitchFamily="34" charset="0"/>
            </a:endParaRPr>
          </a:p>
          <a:p>
            <a:pPr eaLnBrk="1" hangingPunct="1"/>
            <a:r>
              <a:rPr kumimoji="1" lang="ja-JP" altLang="en-US" sz="2400">
                <a:latin typeface="Arial" panose="020B0604020202020204" pitchFamily="34" charset="0"/>
              </a:rPr>
              <a:t>データで残せる</a:t>
            </a:r>
          </a:p>
        </p:txBody>
      </p:sp>
      <p:sp>
        <p:nvSpPr>
          <p:cNvPr id="80902" name="テキスト ボックス 1">
            <a:extLst>
              <a:ext uri="{FF2B5EF4-FFF2-40B4-BE49-F238E27FC236}">
                <a16:creationId xmlns:a16="http://schemas.microsoft.com/office/drawing/2014/main" id="{3644C747-5D53-47F7-B6FF-CDB149A11AC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097713" y="692150"/>
            <a:ext cx="1628775" cy="1939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r>
              <a:rPr kumimoji="1" lang="ja-JP" altLang="en-US" sz="2400">
                <a:latin typeface="Arial" panose="020B0604020202020204" pitchFamily="34" charset="0"/>
              </a:rPr>
              <a:t>現場を</a:t>
            </a:r>
            <a:endParaRPr kumimoji="1" lang="en-US" altLang="ja-JP" sz="2400">
              <a:latin typeface="Arial" panose="020B0604020202020204" pitchFamily="34" charset="0"/>
            </a:endParaRPr>
          </a:p>
          <a:p>
            <a:pPr eaLnBrk="1" hangingPunct="1"/>
            <a:r>
              <a:rPr kumimoji="1" lang="ja-JP" altLang="en-US" sz="2400">
                <a:latin typeface="Arial" panose="020B0604020202020204" pitchFamily="34" charset="0"/>
              </a:rPr>
              <a:t>そのまま</a:t>
            </a:r>
            <a:endParaRPr kumimoji="1" lang="en-US" altLang="ja-JP" sz="2400">
              <a:latin typeface="Arial" panose="020B0604020202020204" pitchFamily="34" charset="0"/>
            </a:endParaRPr>
          </a:p>
          <a:p>
            <a:pPr eaLnBrk="1" hangingPunct="1"/>
            <a:r>
              <a:rPr kumimoji="1" lang="ja-JP" altLang="en-US" sz="2400">
                <a:latin typeface="Arial" panose="020B0604020202020204" pitchFamily="34" charset="0"/>
              </a:rPr>
              <a:t>撮影し</a:t>
            </a:r>
            <a:endParaRPr kumimoji="1" lang="en-US" altLang="ja-JP" sz="2400">
              <a:latin typeface="Arial" panose="020B0604020202020204" pitchFamily="34" charset="0"/>
            </a:endParaRPr>
          </a:p>
          <a:p>
            <a:pPr eaLnBrk="1" hangingPunct="1"/>
            <a:r>
              <a:rPr kumimoji="1" lang="ja-JP" altLang="en-US" sz="2400">
                <a:latin typeface="Arial" panose="020B0604020202020204" pitchFamily="34" charset="0"/>
              </a:rPr>
              <a:t>画像データ</a:t>
            </a:r>
            <a:endParaRPr kumimoji="1" lang="en-US" altLang="ja-JP" sz="2400">
              <a:latin typeface="Arial" panose="020B0604020202020204" pitchFamily="34" charset="0"/>
            </a:endParaRPr>
          </a:p>
          <a:p>
            <a:pPr eaLnBrk="1" hangingPunct="1"/>
            <a:r>
              <a:rPr kumimoji="1" lang="ja-JP" altLang="en-US" sz="2400">
                <a:latin typeface="Arial" panose="020B0604020202020204" pitchFamily="34" charset="0"/>
              </a:rPr>
              <a:t>として保存</a:t>
            </a:r>
          </a:p>
        </p:txBody>
      </p: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6018" name="コンテンツ プレースホルダー 1">
            <a:extLst>
              <a:ext uri="{FF2B5EF4-FFF2-40B4-BE49-F238E27FC236}">
                <a16:creationId xmlns:a16="http://schemas.microsoft.com/office/drawing/2014/main" id="{C09B56F6-91CA-4B2E-9652-055EE17E3312}"/>
              </a:ext>
            </a:extLst>
          </p:cNvPr>
          <p:cNvSpPr>
            <a:spLocks noGrp="1" noChangeArrowheads="1"/>
          </p:cNvSpPr>
          <p:nvPr>
            <p:ph/>
          </p:nvPr>
        </p:nvSpPr>
        <p:spPr/>
        <p:txBody>
          <a:bodyPr/>
          <a:lstStyle/>
          <a:p>
            <a:endParaRPr lang="ja-JP" altLang="en-US"/>
          </a:p>
        </p:txBody>
      </p:sp>
      <p:sp>
        <p:nvSpPr>
          <p:cNvPr id="86019" name="スライド番号プレースホルダー 2">
            <a:extLst>
              <a:ext uri="{FF2B5EF4-FFF2-40B4-BE49-F238E27FC236}">
                <a16:creationId xmlns:a16="http://schemas.microsoft.com/office/drawing/2014/main" id="{AA56EFB9-E329-4C24-A835-B2392AA8348D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fld id="{E38ED6D8-9D99-42E2-895E-5986F60FA724}" type="slidenum">
              <a:rPr kumimoji="1" lang="en-US" altLang="ja-JP" sz="1200">
                <a:solidFill>
                  <a:srgbClr val="898989"/>
                </a:solidFill>
                <a:latin typeface="Arial" panose="020B0604020202020204" pitchFamily="34" charset="0"/>
              </a:rPr>
              <a:pPr/>
              <a:t>33</a:t>
            </a:fld>
            <a:endParaRPr kumimoji="1" lang="en-US" altLang="ja-JP" sz="1200">
              <a:solidFill>
                <a:srgbClr val="898989"/>
              </a:solidFill>
              <a:latin typeface="Arial" panose="020B0604020202020204" pitchFamily="34" charset="0"/>
            </a:endParaRPr>
          </a:p>
        </p:txBody>
      </p:sp>
      <p:pic>
        <p:nvPicPr>
          <p:cNvPr id="86020" name="Picture 2">
            <a:extLst>
              <a:ext uri="{FF2B5EF4-FFF2-40B4-BE49-F238E27FC236}">
                <a16:creationId xmlns:a16="http://schemas.microsoft.com/office/drawing/2014/main" id="{CE52DB24-E66C-4125-956B-D28D47DFB3F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6350" y="-22225"/>
            <a:ext cx="7962900" cy="64595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6021" name="テキスト ボックス 1">
            <a:extLst>
              <a:ext uri="{FF2B5EF4-FFF2-40B4-BE49-F238E27FC236}">
                <a16:creationId xmlns:a16="http://schemas.microsoft.com/office/drawing/2014/main" id="{0C72433E-F50D-4B1F-8475-238A82926DB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50825" y="273050"/>
            <a:ext cx="3116263" cy="6461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r>
              <a:rPr kumimoji="1" lang="ja-JP" altLang="en-US"/>
              <a:t>モニタリング　例</a:t>
            </a:r>
            <a:endParaRPr kumimoji="1" lang="en-US" altLang="ja-JP"/>
          </a:p>
          <a:p>
            <a:r>
              <a:rPr kumimoji="1" lang="ja-JP" altLang="en-US"/>
              <a:t>（１５年前　関東整備局　某橋）</a:t>
            </a:r>
          </a:p>
        </p:txBody>
      </p:sp>
      <p:sp>
        <p:nvSpPr>
          <p:cNvPr id="86022" name="テキスト ボックス 1">
            <a:extLst>
              <a:ext uri="{FF2B5EF4-FFF2-40B4-BE49-F238E27FC236}">
                <a16:creationId xmlns:a16="http://schemas.microsoft.com/office/drawing/2014/main" id="{B4C4F847-BAE1-4ADC-B2D6-AC7DC11F7A6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4508500"/>
            <a:ext cx="3478213" cy="5857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r>
              <a:rPr kumimoji="1" lang="ja-JP" altLang="en-US" sz="3200"/>
              <a:t>高級なモニタリング</a:t>
            </a:r>
          </a:p>
        </p:txBody>
      </p:sp>
    </p:spTree>
  </p:cSld>
  <p:clrMapOvr>
    <a:masterClrMapping/>
  </p:clrMapOvr>
  <p:transition>
    <p:fade/>
  </p:transition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7042" name="コンテンツ プレースホルダー 1">
            <a:extLst>
              <a:ext uri="{FF2B5EF4-FFF2-40B4-BE49-F238E27FC236}">
                <a16:creationId xmlns:a16="http://schemas.microsoft.com/office/drawing/2014/main" id="{B88FF643-8236-4026-A020-39E80DCB12DC}"/>
              </a:ext>
            </a:extLst>
          </p:cNvPr>
          <p:cNvSpPr>
            <a:spLocks noGrp="1" noChangeArrowheads="1"/>
          </p:cNvSpPr>
          <p:nvPr>
            <p:ph/>
          </p:nvPr>
        </p:nvSpPr>
        <p:spPr/>
        <p:txBody>
          <a:bodyPr/>
          <a:lstStyle/>
          <a:p>
            <a:endParaRPr lang="ja-JP" altLang="en-US"/>
          </a:p>
        </p:txBody>
      </p:sp>
      <p:sp>
        <p:nvSpPr>
          <p:cNvPr id="87043" name="スライド番号プレースホルダー 2">
            <a:extLst>
              <a:ext uri="{FF2B5EF4-FFF2-40B4-BE49-F238E27FC236}">
                <a16:creationId xmlns:a16="http://schemas.microsoft.com/office/drawing/2014/main" id="{54F87100-262B-4636-A678-A6473051E361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fld id="{B7042A8F-29D9-4B6A-BB30-72C7C23DD3FE}" type="slidenum">
              <a:rPr kumimoji="1" lang="en-US" altLang="ja-JP" sz="1200">
                <a:solidFill>
                  <a:srgbClr val="898989"/>
                </a:solidFill>
                <a:latin typeface="Arial" panose="020B0604020202020204" pitchFamily="34" charset="0"/>
              </a:rPr>
              <a:pPr/>
              <a:t>34</a:t>
            </a:fld>
            <a:endParaRPr kumimoji="1" lang="en-US" altLang="ja-JP" sz="1200">
              <a:solidFill>
                <a:srgbClr val="898989"/>
              </a:solidFill>
              <a:latin typeface="Arial" panose="020B0604020202020204" pitchFamily="34" charset="0"/>
            </a:endParaRPr>
          </a:p>
        </p:txBody>
      </p:sp>
      <p:pic>
        <p:nvPicPr>
          <p:cNvPr id="87044" name="Picture 2">
            <a:extLst>
              <a:ext uri="{FF2B5EF4-FFF2-40B4-BE49-F238E27FC236}">
                <a16:creationId xmlns:a16="http://schemas.microsoft.com/office/drawing/2014/main" id="{4DE82FA2-3FE8-408D-94E3-34076B0F37F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8288" y="277813"/>
            <a:ext cx="8874125" cy="6048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>
    <p:fade/>
  </p:transition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グループ化 1">
            <a:extLst>
              <a:ext uri="{FF2B5EF4-FFF2-40B4-BE49-F238E27FC236}">
                <a16:creationId xmlns:a16="http://schemas.microsoft.com/office/drawing/2014/main" id="{0D15E348-911B-4FFE-95BC-FC8EAF7C3FD1}"/>
              </a:ext>
            </a:extLst>
          </p:cNvPr>
          <p:cNvGrpSpPr/>
          <p:nvPr/>
        </p:nvGrpSpPr>
        <p:grpSpPr>
          <a:xfrm>
            <a:off x="3135153" y="2143267"/>
            <a:ext cx="2691765" cy="2319657"/>
            <a:chOff x="0" y="0"/>
            <a:chExt cx="2692399" cy="2319866"/>
          </a:xfrm>
          <a:solidFill>
            <a:schemeClr val="bg1">
              <a:lumMod val="65000"/>
            </a:schemeClr>
          </a:solidFill>
        </p:grpSpPr>
        <p:sp>
          <p:nvSpPr>
            <p:cNvPr id="3" name="正方形/長方形 2">
              <a:extLst>
                <a:ext uri="{FF2B5EF4-FFF2-40B4-BE49-F238E27FC236}">
                  <a16:creationId xmlns:a16="http://schemas.microsoft.com/office/drawing/2014/main" id="{E9593CCB-6B7B-4C29-9B5F-4A9561041831}"/>
                </a:ext>
              </a:extLst>
            </p:cNvPr>
            <p:cNvSpPr/>
            <p:nvPr/>
          </p:nvSpPr>
          <p:spPr>
            <a:xfrm>
              <a:off x="0" y="787400"/>
              <a:ext cx="2684778" cy="211666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4" name="台形 3">
              <a:extLst>
                <a:ext uri="{FF2B5EF4-FFF2-40B4-BE49-F238E27FC236}">
                  <a16:creationId xmlns:a16="http://schemas.microsoft.com/office/drawing/2014/main" id="{AD6CC02C-64FD-4F03-A4B3-BD7375C89E64}"/>
                </a:ext>
              </a:extLst>
            </p:cNvPr>
            <p:cNvSpPr/>
            <p:nvPr/>
          </p:nvSpPr>
          <p:spPr>
            <a:xfrm>
              <a:off x="101600" y="999066"/>
              <a:ext cx="2506133" cy="1320800"/>
            </a:xfrm>
            <a:prstGeom prst="trapezoid">
              <a:avLst>
                <a:gd name="adj" fmla="val 5769"/>
              </a:avLst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5" name="正方形/長方形 4">
              <a:extLst>
                <a:ext uri="{FF2B5EF4-FFF2-40B4-BE49-F238E27FC236}">
                  <a16:creationId xmlns:a16="http://schemas.microsoft.com/office/drawing/2014/main" id="{66E0264D-AA86-43B8-ADD7-E9FD07DADE7F}"/>
                </a:ext>
              </a:extLst>
            </p:cNvPr>
            <p:cNvSpPr/>
            <p:nvPr/>
          </p:nvSpPr>
          <p:spPr>
            <a:xfrm>
              <a:off x="245533" y="431800"/>
              <a:ext cx="135467" cy="313266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6" name="正方形/長方形 5">
              <a:extLst>
                <a:ext uri="{FF2B5EF4-FFF2-40B4-BE49-F238E27FC236}">
                  <a16:creationId xmlns:a16="http://schemas.microsoft.com/office/drawing/2014/main" id="{DBFC9C6E-BD25-48F3-84C4-CCAAC6D3E0AE}"/>
                </a:ext>
              </a:extLst>
            </p:cNvPr>
            <p:cNvSpPr/>
            <p:nvPr/>
          </p:nvSpPr>
          <p:spPr>
            <a:xfrm>
              <a:off x="787400" y="431800"/>
              <a:ext cx="135467" cy="313266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7" name="正方形/長方形 6">
              <a:extLst>
                <a:ext uri="{FF2B5EF4-FFF2-40B4-BE49-F238E27FC236}">
                  <a16:creationId xmlns:a16="http://schemas.microsoft.com/office/drawing/2014/main" id="{DEACA7E9-E34B-44B8-8539-04E5CC4FF5A5}"/>
                </a:ext>
              </a:extLst>
            </p:cNvPr>
            <p:cNvSpPr/>
            <p:nvPr/>
          </p:nvSpPr>
          <p:spPr>
            <a:xfrm>
              <a:off x="1312333" y="423333"/>
              <a:ext cx="135255" cy="313055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8" name="正方形/長方形 7">
              <a:extLst>
                <a:ext uri="{FF2B5EF4-FFF2-40B4-BE49-F238E27FC236}">
                  <a16:creationId xmlns:a16="http://schemas.microsoft.com/office/drawing/2014/main" id="{3893FF06-6102-47D1-BA57-DBD7D29432C3}"/>
                </a:ext>
              </a:extLst>
            </p:cNvPr>
            <p:cNvSpPr/>
            <p:nvPr/>
          </p:nvSpPr>
          <p:spPr>
            <a:xfrm>
              <a:off x="1820333" y="431800"/>
              <a:ext cx="135255" cy="313055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9" name="正方形/長方形 8">
              <a:extLst>
                <a:ext uri="{FF2B5EF4-FFF2-40B4-BE49-F238E27FC236}">
                  <a16:creationId xmlns:a16="http://schemas.microsoft.com/office/drawing/2014/main" id="{7388B294-A7E7-431D-8535-C91C20DD2721}"/>
                </a:ext>
              </a:extLst>
            </p:cNvPr>
            <p:cNvSpPr/>
            <p:nvPr/>
          </p:nvSpPr>
          <p:spPr>
            <a:xfrm>
              <a:off x="2404533" y="423333"/>
              <a:ext cx="135467" cy="313266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10" name="正方形/長方形 9">
              <a:extLst>
                <a:ext uri="{FF2B5EF4-FFF2-40B4-BE49-F238E27FC236}">
                  <a16:creationId xmlns:a16="http://schemas.microsoft.com/office/drawing/2014/main" id="{23EB4D02-1394-4F5A-9E23-2C6510FAC102}"/>
                </a:ext>
              </a:extLst>
            </p:cNvPr>
            <p:cNvSpPr/>
            <p:nvPr/>
          </p:nvSpPr>
          <p:spPr>
            <a:xfrm>
              <a:off x="25400" y="338666"/>
              <a:ext cx="2658322" cy="93133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11" name="正方形/長方形 10">
              <a:extLst>
                <a:ext uri="{FF2B5EF4-FFF2-40B4-BE49-F238E27FC236}">
                  <a16:creationId xmlns:a16="http://schemas.microsoft.com/office/drawing/2014/main" id="{8976A085-9108-4E24-9550-431ADADE8CB2}"/>
                </a:ext>
              </a:extLst>
            </p:cNvPr>
            <p:cNvSpPr/>
            <p:nvPr/>
          </p:nvSpPr>
          <p:spPr>
            <a:xfrm flipH="1">
              <a:off x="25400" y="245533"/>
              <a:ext cx="118533" cy="92922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12" name="正方形/長方形 11">
              <a:extLst>
                <a:ext uri="{FF2B5EF4-FFF2-40B4-BE49-F238E27FC236}">
                  <a16:creationId xmlns:a16="http://schemas.microsoft.com/office/drawing/2014/main" id="{6F2C0411-963C-4462-9D35-AEDBE98CAF0D}"/>
                </a:ext>
              </a:extLst>
            </p:cNvPr>
            <p:cNvSpPr/>
            <p:nvPr/>
          </p:nvSpPr>
          <p:spPr>
            <a:xfrm flipH="1">
              <a:off x="2573866" y="245533"/>
              <a:ext cx="118533" cy="92922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13" name="正方形/長方形 12">
              <a:extLst>
                <a:ext uri="{FF2B5EF4-FFF2-40B4-BE49-F238E27FC236}">
                  <a16:creationId xmlns:a16="http://schemas.microsoft.com/office/drawing/2014/main" id="{FF821336-D676-450A-A975-EFC94547C213}"/>
                </a:ext>
              </a:extLst>
            </p:cNvPr>
            <p:cNvSpPr/>
            <p:nvPr/>
          </p:nvSpPr>
          <p:spPr>
            <a:xfrm flipH="1">
              <a:off x="2607733" y="0"/>
              <a:ext cx="50800" cy="245110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14" name="正方形/長方形 13">
              <a:extLst>
                <a:ext uri="{FF2B5EF4-FFF2-40B4-BE49-F238E27FC236}">
                  <a16:creationId xmlns:a16="http://schemas.microsoft.com/office/drawing/2014/main" id="{546F71AC-A7A9-4811-98FA-CBF641405A04}"/>
                </a:ext>
              </a:extLst>
            </p:cNvPr>
            <p:cNvSpPr/>
            <p:nvPr/>
          </p:nvSpPr>
          <p:spPr>
            <a:xfrm flipH="1">
              <a:off x="59266" y="0"/>
              <a:ext cx="50800" cy="245110"/>
            </a:xfrm>
            <a:prstGeom prst="rect">
              <a:avLst/>
            </a:prstGeom>
            <a:grpFill/>
            <a:ln w="25400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15" name="フリーフォーム 14">
              <a:extLst>
                <a:ext uri="{FF2B5EF4-FFF2-40B4-BE49-F238E27FC236}">
                  <a16:creationId xmlns:a16="http://schemas.microsoft.com/office/drawing/2014/main" id="{48432204-48EF-4FE8-8398-8B8BE48E5D85}"/>
                </a:ext>
              </a:extLst>
            </p:cNvPr>
            <p:cNvSpPr/>
            <p:nvPr/>
          </p:nvSpPr>
          <p:spPr>
            <a:xfrm>
              <a:off x="84666" y="787400"/>
              <a:ext cx="58420" cy="228600"/>
            </a:xfrm>
            <a:custGeom>
              <a:avLst/>
              <a:gdLst>
                <a:gd name="connsiteX0" fmla="*/ 19053 w 19053"/>
                <a:gd name="connsiteY0" fmla="*/ 0 h 203200"/>
                <a:gd name="connsiteX1" fmla="*/ 2119 w 19053"/>
                <a:gd name="connsiteY1" fmla="*/ 203200 h 20320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</a:cxnLst>
              <a:rect l="l" t="t" r="r" b="b"/>
              <a:pathLst>
                <a:path w="19053" h="203200">
                  <a:moveTo>
                    <a:pt x="19053" y="0"/>
                  </a:moveTo>
                  <a:cubicBezTo>
                    <a:pt x="-8833" y="111540"/>
                    <a:pt x="2119" y="44460"/>
                    <a:pt x="2119" y="203200"/>
                  </a:cubicBezTo>
                </a:path>
              </a:pathLst>
            </a:custGeom>
            <a:grpFill/>
            <a:ln w="9525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  <p:sp>
          <p:nvSpPr>
            <p:cNvPr id="16" name="フリーフォーム 15">
              <a:extLst>
                <a:ext uri="{FF2B5EF4-FFF2-40B4-BE49-F238E27FC236}">
                  <a16:creationId xmlns:a16="http://schemas.microsoft.com/office/drawing/2014/main" id="{D9A4DEE0-16CC-48FD-B48E-49F9E946A531}"/>
                </a:ext>
              </a:extLst>
            </p:cNvPr>
            <p:cNvSpPr/>
            <p:nvPr/>
          </p:nvSpPr>
          <p:spPr>
            <a:xfrm>
              <a:off x="524933" y="787400"/>
              <a:ext cx="127000" cy="203200"/>
            </a:xfrm>
            <a:custGeom>
              <a:avLst/>
              <a:gdLst>
                <a:gd name="connsiteX0" fmla="*/ 0 w 127000"/>
                <a:gd name="connsiteY0" fmla="*/ 0 h 177995"/>
                <a:gd name="connsiteX1" fmla="*/ 25400 w 127000"/>
                <a:gd name="connsiteY1" fmla="*/ 42333 h 177995"/>
                <a:gd name="connsiteX2" fmla="*/ 50800 w 127000"/>
                <a:gd name="connsiteY2" fmla="*/ 59266 h 177995"/>
                <a:gd name="connsiteX3" fmla="*/ 67733 w 127000"/>
                <a:gd name="connsiteY3" fmla="*/ 84666 h 177995"/>
                <a:gd name="connsiteX4" fmla="*/ 76200 w 127000"/>
                <a:gd name="connsiteY4" fmla="*/ 127000 h 177995"/>
                <a:gd name="connsiteX5" fmla="*/ 101600 w 127000"/>
                <a:gd name="connsiteY5" fmla="*/ 135466 h 177995"/>
                <a:gd name="connsiteX6" fmla="*/ 127000 w 127000"/>
                <a:gd name="connsiteY6" fmla="*/ 177800 h 17799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27000" h="177995">
                  <a:moveTo>
                    <a:pt x="0" y="0"/>
                  </a:moveTo>
                  <a:cubicBezTo>
                    <a:pt x="8467" y="14111"/>
                    <a:pt x="14690" y="29839"/>
                    <a:pt x="25400" y="42333"/>
                  </a:cubicBezTo>
                  <a:cubicBezTo>
                    <a:pt x="32022" y="50059"/>
                    <a:pt x="43605" y="52071"/>
                    <a:pt x="50800" y="59266"/>
                  </a:cubicBezTo>
                  <a:cubicBezTo>
                    <a:pt x="57995" y="66461"/>
                    <a:pt x="62089" y="76199"/>
                    <a:pt x="67733" y="84666"/>
                  </a:cubicBezTo>
                  <a:cubicBezTo>
                    <a:pt x="70555" y="98777"/>
                    <a:pt x="68217" y="115026"/>
                    <a:pt x="76200" y="127000"/>
                  </a:cubicBezTo>
                  <a:cubicBezTo>
                    <a:pt x="81151" y="134426"/>
                    <a:pt x="96649" y="128040"/>
                    <a:pt x="101600" y="135466"/>
                  </a:cubicBezTo>
                  <a:cubicBezTo>
                    <a:pt x="133513" y="183335"/>
                    <a:pt x="86915" y="177800"/>
                    <a:pt x="127000" y="177800"/>
                  </a:cubicBezTo>
                </a:path>
              </a:pathLst>
            </a:custGeom>
            <a:grpFill/>
            <a:ln w="9525" cap="flat" cmpd="sng" algn="ctr">
              <a:solidFill>
                <a:sysClr val="windowText" lastClr="000000">
                  <a:lumMod val="50000"/>
                  <a:lumOff val="50000"/>
                </a:sysClr>
              </a:solidFill>
              <a:prstDash val="solid"/>
            </a:ln>
            <a:effectLst/>
          </p:spPr>
          <p:txBody>
            <a:bodyPr anchor="ctr"/>
            <a:lstStyle/>
            <a:p>
              <a:pPr eaLnBrk="1" fontAlgn="auto" hangingPunct="1">
                <a:spcBef>
                  <a:spcPts val="0"/>
                </a:spcBef>
                <a:spcAft>
                  <a:spcPts val="0"/>
                </a:spcAft>
                <a:defRPr/>
              </a:pPr>
              <a:endParaRPr lang="ja-JP" altLang="en-US">
                <a:latin typeface="+mn-lt"/>
              </a:endParaRPr>
            </a:p>
          </p:txBody>
        </p:sp>
      </p:grpSp>
      <p:pic>
        <p:nvPicPr>
          <p:cNvPr id="88067" name="図 16">
            <a:extLst>
              <a:ext uri="{FF2B5EF4-FFF2-40B4-BE49-F238E27FC236}">
                <a16:creationId xmlns:a16="http://schemas.microsoft.com/office/drawing/2014/main" id="{2DA24636-41FF-4002-8FB2-C7023DDBA8D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7979"/>
          <a:stretch>
            <a:fillRect/>
          </a:stretch>
        </p:blipFill>
        <p:spPr bwMode="auto">
          <a:xfrm>
            <a:off x="2854325" y="1268413"/>
            <a:ext cx="625475" cy="5953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88068" name="グループ化 17">
            <a:extLst>
              <a:ext uri="{FF2B5EF4-FFF2-40B4-BE49-F238E27FC236}">
                <a16:creationId xmlns:a16="http://schemas.microsoft.com/office/drawing/2014/main" id="{58993584-2C79-4089-9D12-8DEB819D6560}"/>
              </a:ext>
            </a:extLst>
          </p:cNvPr>
          <p:cNvGrpSpPr>
            <a:grpSpLocks/>
          </p:cNvGrpSpPr>
          <p:nvPr/>
        </p:nvGrpSpPr>
        <p:grpSpPr bwMode="auto">
          <a:xfrm>
            <a:off x="3076575" y="1863725"/>
            <a:ext cx="298450" cy="1098550"/>
            <a:chOff x="0" y="0"/>
            <a:chExt cx="297815" cy="1098550"/>
          </a:xfrm>
        </p:grpSpPr>
        <p:sp>
          <p:nvSpPr>
            <p:cNvPr id="88084" name="正方形/長方形 18">
              <a:extLst>
                <a:ext uri="{FF2B5EF4-FFF2-40B4-BE49-F238E27FC236}">
                  <a16:creationId xmlns:a16="http://schemas.microsoft.com/office/drawing/2014/main" id="{5891D2D6-BA31-4415-B02B-6775B93ECEA7}"/>
                </a:ext>
              </a:extLst>
            </p:cNvPr>
            <p:cNvSpPr>
              <a:spLocks noChangeArrowheads="1"/>
            </p:cNvSpPr>
            <p:nvPr/>
          </p:nvSpPr>
          <p:spPr bwMode="auto">
            <a:xfrm flipH="1" flipV="1">
              <a:off x="146050" y="1047750"/>
              <a:ext cx="151765" cy="50800"/>
            </a:xfrm>
            <a:prstGeom prst="rect">
              <a:avLst/>
            </a:prstGeom>
            <a:solidFill>
              <a:srgbClr val="FFFF00"/>
            </a:solidFill>
            <a:ln w="25400" algn="ctr">
              <a:solidFill>
                <a:srgbClr val="385D8A"/>
              </a:solidFill>
              <a:miter lim="800000"/>
              <a:headEnd/>
              <a:tailEnd/>
            </a:ln>
          </p:spPr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9pPr>
            </a:lstStyle>
            <a:p>
              <a:pPr eaLnBrk="1" hangingPunct="1"/>
              <a:endParaRPr kumimoji="1" lang="ja-JP" altLang="en-US" sz="2400">
                <a:latin typeface="Arial" panose="020B0604020202020204" pitchFamily="34" charset="0"/>
              </a:endParaRPr>
            </a:p>
          </p:txBody>
        </p:sp>
        <p:sp>
          <p:nvSpPr>
            <p:cNvPr id="88085" name="正方形/長方形 19">
              <a:extLst>
                <a:ext uri="{FF2B5EF4-FFF2-40B4-BE49-F238E27FC236}">
                  <a16:creationId xmlns:a16="http://schemas.microsoft.com/office/drawing/2014/main" id="{85EA8C5B-73A4-41CC-8AF5-0DBFF208C24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0" y="0"/>
              <a:ext cx="45085" cy="558165"/>
            </a:xfrm>
            <a:prstGeom prst="rect">
              <a:avLst/>
            </a:prstGeom>
            <a:solidFill>
              <a:srgbClr val="FFFF00"/>
            </a:solidFill>
            <a:ln w="25400" algn="ctr">
              <a:solidFill>
                <a:srgbClr val="385D8A"/>
              </a:solidFill>
              <a:miter lim="800000"/>
              <a:headEnd/>
              <a:tailEnd/>
            </a:ln>
          </p:spPr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9pPr>
            </a:lstStyle>
            <a:p>
              <a:pPr eaLnBrk="1" hangingPunct="1"/>
              <a:endParaRPr kumimoji="1" lang="ja-JP" altLang="en-US" sz="2400">
                <a:latin typeface="Arial" panose="020B0604020202020204" pitchFamily="34" charset="0"/>
              </a:endParaRPr>
            </a:p>
          </p:txBody>
        </p:sp>
        <p:sp>
          <p:nvSpPr>
            <p:cNvPr id="88086" name="正方形/長方形 20">
              <a:extLst>
                <a:ext uri="{FF2B5EF4-FFF2-40B4-BE49-F238E27FC236}">
                  <a16:creationId xmlns:a16="http://schemas.microsoft.com/office/drawing/2014/main" id="{F23766F0-DC0F-4475-886F-573B3BDCEC26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-5400000">
              <a:off x="95250" y="425450"/>
              <a:ext cx="45085" cy="212725"/>
            </a:xfrm>
            <a:prstGeom prst="rect">
              <a:avLst/>
            </a:prstGeom>
            <a:solidFill>
              <a:srgbClr val="FFFF00"/>
            </a:solidFill>
            <a:ln w="25400" algn="ctr">
              <a:solidFill>
                <a:srgbClr val="385D8A"/>
              </a:solidFill>
              <a:miter lim="800000"/>
              <a:headEnd/>
              <a:tailEnd/>
            </a:ln>
          </p:spPr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9pPr>
            </a:lstStyle>
            <a:p>
              <a:pPr eaLnBrk="1" hangingPunct="1"/>
              <a:endParaRPr kumimoji="1" lang="ja-JP" altLang="en-US" sz="2400">
                <a:latin typeface="Arial" panose="020B0604020202020204" pitchFamily="34" charset="0"/>
              </a:endParaRPr>
            </a:p>
          </p:txBody>
        </p:sp>
        <p:sp>
          <p:nvSpPr>
            <p:cNvPr id="88087" name="正方形/長方形 21">
              <a:extLst>
                <a:ext uri="{FF2B5EF4-FFF2-40B4-BE49-F238E27FC236}">
                  <a16:creationId xmlns:a16="http://schemas.microsoft.com/office/drawing/2014/main" id="{7093BC4C-6E9D-412C-A008-1205847FA0F4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-5400000">
              <a:off x="95250" y="304800"/>
              <a:ext cx="45719" cy="212759"/>
            </a:xfrm>
            <a:prstGeom prst="rect">
              <a:avLst/>
            </a:prstGeom>
            <a:solidFill>
              <a:srgbClr val="FFFF00"/>
            </a:solidFill>
            <a:ln w="25400" algn="ctr">
              <a:solidFill>
                <a:srgbClr val="385D8A"/>
              </a:solidFill>
              <a:miter lim="800000"/>
              <a:headEnd/>
              <a:tailEnd/>
            </a:ln>
          </p:spPr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Calibri" panose="020F0502020204030204" pitchFamily="34" charset="0"/>
                </a:defRPr>
              </a:lvl9pPr>
            </a:lstStyle>
            <a:p>
              <a:pPr eaLnBrk="1" hangingPunct="1"/>
              <a:endParaRPr kumimoji="1" lang="ja-JP" altLang="en-US" sz="2400">
                <a:latin typeface="Arial" panose="020B0604020202020204" pitchFamily="34" charset="0"/>
              </a:endParaRPr>
            </a:p>
          </p:txBody>
        </p:sp>
      </p:grpSp>
      <p:pic>
        <p:nvPicPr>
          <p:cNvPr id="88069" name="Picture 2">
            <a:extLst>
              <a:ext uri="{FF2B5EF4-FFF2-40B4-BE49-F238E27FC236}">
                <a16:creationId xmlns:a16="http://schemas.microsoft.com/office/drawing/2014/main" id="{AAE560AD-9B20-4944-A6E1-70D1C38F442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8425" y="738188"/>
            <a:ext cx="2578100" cy="25781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8070" name="テキスト ボックス 25">
            <a:extLst>
              <a:ext uri="{FF2B5EF4-FFF2-40B4-BE49-F238E27FC236}">
                <a16:creationId xmlns:a16="http://schemas.microsoft.com/office/drawing/2014/main" id="{2E5D7F80-E348-421E-B0C9-D13435DC1C2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427163" y="166688"/>
            <a:ext cx="7088187" cy="708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r>
              <a:rPr kumimoji="1" lang="ja-JP" altLang="en-US" sz="4000">
                <a:latin typeface="Arial" panose="020B0604020202020204" pitchFamily="34" charset="0"/>
              </a:rPr>
              <a:t>モニタリングシステムによる監視</a:t>
            </a:r>
          </a:p>
        </p:txBody>
      </p:sp>
      <p:sp>
        <p:nvSpPr>
          <p:cNvPr id="27" name="四角形吹き出し 26">
            <a:extLst>
              <a:ext uri="{FF2B5EF4-FFF2-40B4-BE49-F238E27FC236}">
                <a16:creationId xmlns:a16="http://schemas.microsoft.com/office/drawing/2014/main" id="{B4628F62-211F-49FD-A65B-9685294602B5}"/>
              </a:ext>
            </a:extLst>
          </p:cNvPr>
          <p:cNvSpPr/>
          <p:nvPr/>
        </p:nvSpPr>
        <p:spPr>
          <a:xfrm>
            <a:off x="3890963" y="849313"/>
            <a:ext cx="1401762" cy="717550"/>
          </a:xfrm>
          <a:prstGeom prst="wedgeRectCallout">
            <a:avLst>
              <a:gd name="adj1" fmla="val -124447"/>
              <a:gd name="adj2" fmla="val 71491"/>
            </a:avLst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ja-JP" altLang="en-US"/>
          </a:p>
        </p:txBody>
      </p:sp>
      <p:sp>
        <p:nvSpPr>
          <p:cNvPr id="88072" name="テキスト ボックス 27">
            <a:extLst>
              <a:ext uri="{FF2B5EF4-FFF2-40B4-BE49-F238E27FC236}">
                <a16:creationId xmlns:a16="http://schemas.microsoft.com/office/drawing/2014/main" id="{802F3513-83A1-4CBC-8ED7-52BBB18450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4463" y="831850"/>
            <a:ext cx="735012" cy="6461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r>
              <a:rPr kumimoji="1" lang="ja-JP" altLang="en-US" sz="2400" b="1">
                <a:latin typeface="Arial" panose="020B0604020202020204" pitchFamily="34" charset="0"/>
              </a:rPr>
              <a:t>ｿｰﾗｰ</a:t>
            </a:r>
            <a:endParaRPr kumimoji="1" lang="en-US" altLang="ja-JP" sz="2400" b="1">
              <a:latin typeface="Arial" panose="020B0604020202020204" pitchFamily="34" charset="0"/>
            </a:endParaRPr>
          </a:p>
          <a:p>
            <a:pPr eaLnBrk="1" hangingPunct="1"/>
            <a:r>
              <a:rPr kumimoji="1" lang="ja-JP" altLang="en-US" sz="2400" b="1">
                <a:latin typeface="Arial" panose="020B0604020202020204" pitchFamily="34" charset="0"/>
              </a:rPr>
              <a:t>ﾊﾟﾈﾙ</a:t>
            </a:r>
          </a:p>
        </p:txBody>
      </p:sp>
      <p:sp>
        <p:nvSpPr>
          <p:cNvPr id="29" name="四角形吹き出し 28">
            <a:extLst>
              <a:ext uri="{FF2B5EF4-FFF2-40B4-BE49-F238E27FC236}">
                <a16:creationId xmlns:a16="http://schemas.microsoft.com/office/drawing/2014/main" id="{205EB7C3-2801-4EDF-AC0D-E4AB9109CBC9}"/>
              </a:ext>
            </a:extLst>
          </p:cNvPr>
          <p:cNvSpPr/>
          <p:nvPr/>
        </p:nvSpPr>
        <p:spPr>
          <a:xfrm>
            <a:off x="3868738" y="1749425"/>
            <a:ext cx="1495425" cy="515938"/>
          </a:xfrm>
          <a:prstGeom prst="wedgeRectCallout">
            <a:avLst>
              <a:gd name="adj1" fmla="val -95347"/>
              <a:gd name="adj2" fmla="val -38974"/>
            </a:avLst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ja-JP" altLang="en-US"/>
          </a:p>
        </p:txBody>
      </p:sp>
      <p:sp>
        <p:nvSpPr>
          <p:cNvPr id="88074" name="テキスト ボックス 29">
            <a:extLst>
              <a:ext uri="{FF2B5EF4-FFF2-40B4-BE49-F238E27FC236}">
                <a16:creationId xmlns:a16="http://schemas.microsoft.com/office/drawing/2014/main" id="{EBFE816D-33E8-4C03-9805-451A11D1D62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24300" y="1773238"/>
            <a:ext cx="1784350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r>
              <a:rPr kumimoji="1" lang="ja-JP" altLang="en-US" sz="2400" b="1">
                <a:latin typeface="Arial" panose="020B0604020202020204" pitchFamily="34" charset="0"/>
              </a:rPr>
              <a:t>通信装置</a:t>
            </a:r>
          </a:p>
        </p:txBody>
      </p:sp>
      <p:sp>
        <p:nvSpPr>
          <p:cNvPr id="31" name="四角形吹き出し 30">
            <a:extLst>
              <a:ext uri="{FF2B5EF4-FFF2-40B4-BE49-F238E27FC236}">
                <a16:creationId xmlns:a16="http://schemas.microsoft.com/office/drawing/2014/main" id="{4A81ECCA-21FA-4A5E-BF53-A2BB61E18885}"/>
              </a:ext>
            </a:extLst>
          </p:cNvPr>
          <p:cNvSpPr/>
          <p:nvPr/>
        </p:nvSpPr>
        <p:spPr>
          <a:xfrm>
            <a:off x="1198563" y="3459163"/>
            <a:ext cx="2024062" cy="617537"/>
          </a:xfrm>
          <a:prstGeom prst="wedgeRectCallout">
            <a:avLst>
              <a:gd name="adj1" fmla="val 74377"/>
              <a:gd name="adj2" fmla="val -176484"/>
            </a:avLst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ja-JP" altLang="en-US"/>
          </a:p>
        </p:txBody>
      </p:sp>
      <p:sp>
        <p:nvSpPr>
          <p:cNvPr id="88076" name="テキスト ボックス 31">
            <a:extLst>
              <a:ext uri="{FF2B5EF4-FFF2-40B4-BE49-F238E27FC236}">
                <a16:creationId xmlns:a16="http://schemas.microsoft.com/office/drawing/2014/main" id="{9DBC825B-C9AD-47FC-B44A-8A3FFAACB3C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258888" y="3481388"/>
            <a:ext cx="1541462" cy="369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eaLnBrk="1" hangingPunct="1"/>
            <a:r>
              <a:rPr kumimoji="1" lang="ja-JP" altLang="en-US" sz="2400" b="1">
                <a:latin typeface="Arial" panose="020B0604020202020204" pitchFamily="34" charset="0"/>
              </a:rPr>
              <a:t>直線変位ｾﾝｻ</a:t>
            </a:r>
          </a:p>
        </p:txBody>
      </p:sp>
      <p:pic>
        <p:nvPicPr>
          <p:cNvPr id="88077" name="Picture 2">
            <a:extLst>
              <a:ext uri="{FF2B5EF4-FFF2-40B4-BE49-F238E27FC236}">
                <a16:creationId xmlns:a16="http://schemas.microsoft.com/office/drawing/2014/main" id="{1704CE8F-4063-4901-8762-A12F79421DB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97588" y="4573588"/>
            <a:ext cx="3046412" cy="22844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aphicFrame>
        <p:nvGraphicFramePr>
          <p:cNvPr id="34" name="グラフ 33">
            <a:extLst>
              <a:ext uri="{FF2B5EF4-FFF2-40B4-BE49-F238E27FC236}">
                <a16:creationId xmlns:a16="http://schemas.microsoft.com/office/drawing/2014/main" id="{F407DED4-94F6-41A3-A2E4-D10DEC9097A0}"/>
              </a:ext>
            </a:extLst>
          </p:cNvPr>
          <p:cNvGraphicFramePr>
            <a:graphicFrameLocks/>
          </p:cNvGraphicFramePr>
          <p:nvPr/>
        </p:nvGraphicFramePr>
        <p:xfrm>
          <a:off x="98490" y="4636019"/>
          <a:ext cx="3799872" cy="220181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pic>
        <p:nvPicPr>
          <p:cNvPr id="88079" name="Picture 2">
            <a:extLst>
              <a:ext uri="{FF2B5EF4-FFF2-40B4-BE49-F238E27FC236}">
                <a16:creationId xmlns:a16="http://schemas.microsoft.com/office/drawing/2014/main" id="{2DF4CDE0-E6CB-4D8A-8444-394F206B204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97588" y="738188"/>
            <a:ext cx="3046412" cy="2017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6" name="円/楕円 35">
            <a:extLst>
              <a:ext uri="{FF2B5EF4-FFF2-40B4-BE49-F238E27FC236}">
                <a16:creationId xmlns:a16="http://schemas.microsoft.com/office/drawing/2014/main" id="{18B4FE06-27AB-47D0-A924-D8B830372EBB}"/>
              </a:ext>
            </a:extLst>
          </p:cNvPr>
          <p:cNvSpPr/>
          <p:nvPr/>
        </p:nvSpPr>
        <p:spPr>
          <a:xfrm>
            <a:off x="2940050" y="2825750"/>
            <a:ext cx="1152525" cy="457200"/>
          </a:xfrm>
          <a:prstGeom prst="ellipse">
            <a:avLst/>
          </a:prstGeom>
          <a:noFill/>
          <a:ln w="57150">
            <a:solidFill>
              <a:srgbClr val="FF33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ja-JP" altLang="en-US"/>
          </a:p>
        </p:txBody>
      </p:sp>
      <p:sp>
        <p:nvSpPr>
          <p:cNvPr id="38" name="円/楕円 37">
            <a:extLst>
              <a:ext uri="{FF2B5EF4-FFF2-40B4-BE49-F238E27FC236}">
                <a16:creationId xmlns:a16="http://schemas.microsoft.com/office/drawing/2014/main" id="{6FF7A7DB-B845-47A0-9AEC-A69EAD018FA5}"/>
              </a:ext>
            </a:extLst>
          </p:cNvPr>
          <p:cNvSpPr/>
          <p:nvPr/>
        </p:nvSpPr>
        <p:spPr>
          <a:xfrm>
            <a:off x="7148513" y="1428750"/>
            <a:ext cx="1366837" cy="823913"/>
          </a:xfrm>
          <a:prstGeom prst="ellipse">
            <a:avLst/>
          </a:prstGeom>
          <a:noFill/>
          <a:ln w="57150">
            <a:solidFill>
              <a:srgbClr val="FF33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ja-JP" altLang="en-US"/>
          </a:p>
        </p:txBody>
      </p:sp>
      <p:sp>
        <p:nvSpPr>
          <p:cNvPr id="39" name="円/楕円 38">
            <a:extLst>
              <a:ext uri="{FF2B5EF4-FFF2-40B4-BE49-F238E27FC236}">
                <a16:creationId xmlns:a16="http://schemas.microsoft.com/office/drawing/2014/main" id="{45733AEB-B9DB-42E8-8FC2-9E71B311D231}"/>
              </a:ext>
            </a:extLst>
          </p:cNvPr>
          <p:cNvSpPr/>
          <p:nvPr/>
        </p:nvSpPr>
        <p:spPr>
          <a:xfrm>
            <a:off x="6372225" y="4462463"/>
            <a:ext cx="1655763" cy="1584325"/>
          </a:xfrm>
          <a:prstGeom prst="ellipse">
            <a:avLst/>
          </a:prstGeom>
          <a:noFill/>
          <a:ln w="57150">
            <a:solidFill>
              <a:srgbClr val="FF33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endParaRPr lang="ja-JP" altLang="en-US"/>
          </a:p>
        </p:txBody>
      </p:sp>
      <p:sp>
        <p:nvSpPr>
          <p:cNvPr id="88083" name="テキスト ボックス 16">
            <a:extLst>
              <a:ext uri="{FF2B5EF4-FFF2-40B4-BE49-F238E27FC236}">
                <a16:creationId xmlns:a16="http://schemas.microsoft.com/office/drawing/2014/main" id="{C85D83AC-E1E8-48BC-9616-30271B8D4F0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38850" y="3054350"/>
            <a:ext cx="2874963" cy="9540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r>
              <a:rPr kumimoji="1" lang="ja-JP" altLang="en-US" sz="2800">
                <a:solidFill>
                  <a:srgbClr val="FF0000"/>
                </a:solidFill>
              </a:rPr>
              <a:t>目的を明確にした</a:t>
            </a:r>
            <a:endParaRPr kumimoji="1" lang="en-US" altLang="ja-JP" sz="2800">
              <a:solidFill>
                <a:srgbClr val="FF0000"/>
              </a:solidFill>
            </a:endParaRPr>
          </a:p>
          <a:p>
            <a:r>
              <a:rPr kumimoji="1" lang="ja-JP" altLang="en-US" sz="2800">
                <a:solidFill>
                  <a:srgbClr val="FF0000"/>
                </a:solidFill>
              </a:rPr>
              <a:t>安価なシステム</a:t>
            </a:r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5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0" y="263769"/>
            <a:ext cx="9144001" cy="503507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44" name="Rect 3"/>
          <p:cNvSpPr>
            <a:spLocks noGrp="1" noChangeArrowheads="1"/>
          </p:cNvSpPr>
          <p:nvPr/>
        </p:nvSpPr>
        <p:spPr>
          <a:xfrm>
            <a:off x="1" y="263770"/>
            <a:ext cx="9167447" cy="6330462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23354"/>
              </a:lnSpc>
            </a:pPr>
            <a:endParaRPr lang="ko-KR" altLang="en-US" sz="877" dirty="0"/>
          </a:p>
          <a:p>
            <a:pPr defTabSz="14068">
              <a:lnSpc>
                <a:spcPts val="258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																						</a:t>
            </a:r>
            <a:r>
              <a:rPr lang="en-US" altLang="ko-KR" sz="2583" dirty="0">
                <a:solidFill>
                  <a:srgbClr val="4472C4"/>
                </a:solidFill>
                <a:latin typeface="HGPSoeiKakugothicUB"/>
                <a:ea typeface="HGPSoeiKakugothicUB"/>
              </a:rPr>
              <a:t>静岡市WG</a:t>
            </a:r>
            <a:endParaRPr lang="ko-KR" altLang="en-US" sz="2583" dirty="0"/>
          </a:p>
          <a:p>
            <a:pPr defTabSz="14068">
              <a:lnSpc>
                <a:spcPts val="277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3323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</a:t>
            </a:r>
            <a:r>
              <a:rPr lang="en-US" altLang="ko-KR" sz="3323" dirty="0">
                <a:solidFill>
                  <a:srgbClr val="A6A6A6"/>
                </a:solidFill>
                <a:latin typeface="HGPSoeiKakugothicUB"/>
                <a:ea typeface="HGPSoeiKakugothicUB"/>
              </a:rPr>
              <a:t>衛星SARによる現場試行の結果および評価</a:t>
            </a:r>
            <a:endParaRPr lang="ko-KR" altLang="en-US" sz="3323" dirty="0"/>
          </a:p>
          <a:p>
            <a:pPr defTabSz="14068">
              <a:lnSpc>
                <a:spcPts val="18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38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384" dirty="0">
                <a:solidFill>
                  <a:srgbClr val="000000"/>
                </a:solidFill>
                <a:latin typeface="MS"/>
                <a:ea typeface="MS"/>
              </a:rPr>
              <a:t>12</a:t>
            </a:r>
            <a:endParaRPr lang="ko-KR" altLang="en-US" sz="1384" dirty="0"/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7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0" y="263769"/>
            <a:ext cx="9144001" cy="50350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5536809" y="899747"/>
            <a:ext cx="3291840" cy="3986432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3072618" y="5063783"/>
            <a:ext cx="1392702" cy="905608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4" name="Picture 8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4754881" y="5117124"/>
            <a:ext cx="911469" cy="911469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5" name="Picture 8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188742" y="5151120"/>
            <a:ext cx="1364566" cy="703385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6" name="Picture 8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6214989" y="5029786"/>
            <a:ext cx="790722" cy="866922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7" name="Picture 8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7255999" y="4909039"/>
            <a:ext cx="1708052" cy="1383909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8" name="Picture 8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>
            <a:off x="1623647" y="5271868"/>
            <a:ext cx="1277229" cy="644183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10" cstate="print"/>
          <a:stretch>
            <a:fillRect/>
          </a:stretch>
        </p:blipFill>
        <p:spPr>
          <a:xfrm>
            <a:off x="45134" y="902677"/>
            <a:ext cx="5336931" cy="4023360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46" name="Rect 3"/>
          <p:cNvSpPr>
            <a:spLocks noGrp="1" noChangeArrowheads="1"/>
          </p:cNvSpPr>
          <p:nvPr/>
        </p:nvSpPr>
        <p:spPr>
          <a:xfrm>
            <a:off x="1" y="263770"/>
            <a:ext cx="9167447" cy="6330462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277"/>
              </a:lnSpc>
            </a:pPr>
            <a:endParaRPr lang="ko-KR" altLang="en-US" sz="877" dirty="0"/>
          </a:p>
          <a:p>
            <a:pPr defTabSz="14068">
              <a:lnSpc>
                <a:spcPts val="221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</a:t>
            </a:r>
            <a:r>
              <a:rPr lang="en-US" altLang="ko-KR" sz="2215" dirty="0">
                <a:solidFill>
                  <a:srgbClr val="4087C8"/>
                </a:solidFill>
                <a:latin typeface="HGPSoeiKakugothicUB"/>
                <a:ea typeface="HGPSoeiKakugothicUB"/>
              </a:rPr>
              <a:t>実証概要（使用衛星データ・ 諸元）</a:t>
            </a:r>
            <a:endParaRPr lang="ko-KR" altLang="en-US" sz="2215" dirty="0"/>
          </a:p>
          <a:p>
            <a:pPr defTabSz="14068">
              <a:lnSpc>
                <a:spcPts val="341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846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</a:t>
            </a:r>
            <a:r>
              <a:rPr lang="en-US" altLang="ko-KR" sz="1852" dirty="0">
                <a:solidFill>
                  <a:srgbClr val="FFFFFF"/>
                </a:solidFill>
                <a:latin typeface="MS"/>
                <a:ea typeface="MS"/>
              </a:rPr>
              <a:t>衛星搭載SAR</a:t>
            </a:r>
            <a:r>
              <a:rPr lang="en-US" altLang="ko-KR" sz="1852" b="1" dirty="0">
                <a:solidFill>
                  <a:srgbClr val="FFFFFF"/>
                </a:solidFill>
                <a:latin typeface="MS"/>
              </a:rPr>
              <a:t>	 システム概要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850" dirty="0">
                <a:solidFill>
                  <a:srgbClr val="000000"/>
                </a:solidFill>
                <a:latin typeface="MS"/>
                <a:ea typeface="MS"/>
              </a:rPr>
              <a:t>使用衛星</a:t>
            </a:r>
            <a:endParaRPr lang="ko-KR" altLang="en-US" sz="1850" dirty="0"/>
          </a:p>
          <a:p>
            <a:pPr defTabSz="14068">
              <a:lnSpc>
                <a:spcPts val="13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741" b="1" dirty="0">
                <a:solidFill>
                  <a:srgbClr val="FFFFFF"/>
                </a:solidFill>
                <a:latin typeface="Meiryo"/>
                <a:ea typeface="Meiryo"/>
              </a:rPr>
              <a:t>衛星速度</a:t>
            </a:r>
            <a:endParaRPr lang="ko-KR" altLang="en-US" sz="741" b="1" dirty="0"/>
          </a:p>
          <a:p>
            <a:pPr defTabSz="14068">
              <a:lnSpc>
                <a:spcPts val="3231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741" b="1" dirty="0">
                <a:solidFill>
                  <a:srgbClr val="000000"/>
                </a:solidFill>
                <a:latin typeface="Meiryo"/>
                <a:ea typeface="Meiryo"/>
              </a:rPr>
              <a:t>SARアンテナ</a:t>
            </a:r>
            <a:endParaRPr lang="ko-KR" altLang="en-US" sz="741" b="1" dirty="0"/>
          </a:p>
          <a:p>
            <a:pPr defTabSz="14068">
              <a:lnSpc>
                <a:spcPts val="166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831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</a:t>
            </a:r>
            <a:r>
              <a:rPr lang="en-US" altLang="ko-KR" sz="741" b="1" dirty="0">
                <a:solidFill>
                  <a:srgbClr val="AC1E24"/>
                </a:solidFill>
                <a:latin typeface="Meiryo"/>
                <a:ea typeface="Meiryo"/>
              </a:rPr>
              <a:t>コマンド・</a:t>
            </a:r>
            <a:endParaRPr lang="ko-KR" altLang="en-US" sz="741" b="1" dirty="0"/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</a:t>
            </a:r>
            <a:r>
              <a:rPr lang="en-US" altLang="ko-KR" sz="741" b="1" dirty="0">
                <a:solidFill>
                  <a:srgbClr val="AC1E24"/>
                </a:solidFill>
                <a:latin typeface="Meiryo"/>
                <a:ea typeface="Meiryo"/>
              </a:rPr>
              <a:t>テレメトリ</a:t>
            </a:r>
            <a:endParaRPr lang="ko-KR" altLang="en-US" sz="741" b="1" dirty="0"/>
          </a:p>
          <a:p>
            <a:pPr defTabSz="14068">
              <a:lnSpc>
                <a:spcPts val="1108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</a:t>
            </a:r>
            <a:r>
              <a:rPr lang="en-US" altLang="ko-KR" sz="741" b="1" dirty="0">
                <a:solidFill>
                  <a:srgbClr val="348A95"/>
                </a:solidFill>
                <a:latin typeface="Meiryo"/>
                <a:ea typeface="Meiryo"/>
              </a:rPr>
              <a:t>観測データ</a:t>
            </a:r>
            <a:endParaRPr lang="ko-KR" altLang="en-US" sz="741" b="1" dirty="0"/>
          </a:p>
          <a:p>
            <a:pPr defTabSz="14068">
              <a:lnSpc>
                <a:spcPts val="2031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</a:t>
            </a:r>
            <a:r>
              <a:rPr lang="en-US" altLang="ko-KR" sz="741" b="1" dirty="0">
                <a:solidFill>
                  <a:srgbClr val="000000"/>
                </a:solidFill>
                <a:latin typeface="Meiryo"/>
                <a:ea typeface="Meiryo"/>
              </a:rPr>
              <a:t>地上局</a:t>
            </a:r>
            <a:endParaRPr lang="ko-KR" altLang="en-US" sz="741" b="1" dirty="0"/>
          </a:p>
          <a:p>
            <a:pPr defTabSz="14068">
              <a:lnSpc>
                <a:spcPts val="646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</a:t>
            </a:r>
            <a:r>
              <a:rPr lang="en-US" altLang="ko-KR" sz="741" b="1" dirty="0">
                <a:solidFill>
                  <a:srgbClr val="000000"/>
                </a:solidFill>
                <a:latin typeface="Meiryo"/>
                <a:ea typeface="Meiryo"/>
              </a:rPr>
              <a:t>送受信装置</a:t>
            </a:r>
            <a:endParaRPr lang="ko-KR" altLang="en-US" sz="741" b="1" dirty="0"/>
          </a:p>
          <a:p>
            <a:pPr defTabSz="14068">
              <a:lnSpc>
                <a:spcPts val="1754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</a:t>
            </a:r>
            <a:r>
              <a:rPr lang="en-US" altLang="ko-KR" sz="741" b="1" dirty="0">
                <a:solidFill>
                  <a:srgbClr val="000000"/>
                </a:solidFill>
                <a:latin typeface="Meiryo"/>
                <a:ea typeface="Meiryo"/>
              </a:rPr>
              <a:t>制御装置</a:t>
            </a:r>
            <a:endParaRPr lang="ko-KR" altLang="en-US" sz="741" b="1" dirty="0"/>
          </a:p>
          <a:p>
            <a:pPr defTabSz="14068">
              <a:lnSpc>
                <a:spcPts val="2308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</a:t>
            </a:r>
            <a:r>
              <a:rPr lang="en-US" altLang="ko-KR" sz="741" b="1" dirty="0">
                <a:solidFill>
                  <a:srgbClr val="000000"/>
                </a:solidFill>
                <a:latin typeface="Meiryo"/>
                <a:ea typeface="Meiryo"/>
              </a:rPr>
              <a:t>制御卓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</a:t>
            </a: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Az</a:t>
            </a:r>
            <a:endParaRPr lang="ko-KR" altLang="en-US" sz="741" b="1" dirty="0"/>
          </a:p>
          <a:p>
            <a:pPr defTabSz="14068">
              <a:lnSpc>
                <a:spcPts val="92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</a:t>
            </a:r>
            <a:r>
              <a:rPr lang="en-US" altLang="ko-KR" sz="741" b="1" dirty="0">
                <a:solidFill>
                  <a:srgbClr val="000000"/>
                </a:solidFill>
                <a:latin typeface="Meiryo"/>
                <a:ea typeface="Meiryo"/>
              </a:rPr>
              <a:t>画像表示</a:t>
            </a:r>
            <a:endParaRPr lang="ko-KR" altLang="en-US" sz="741" b="1" dirty="0"/>
          </a:p>
          <a:p>
            <a:pPr defTabSz="14068">
              <a:lnSpc>
                <a:spcPts val="554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</a:t>
            </a: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（地上軌跡）</a:t>
            </a:r>
            <a:endParaRPr lang="ko-KR" altLang="en-US" sz="741" b="1" dirty="0"/>
          </a:p>
          <a:p>
            <a:pPr defTabSz="14068">
              <a:lnSpc>
                <a:spcPts val="193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バンド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波長</a:t>
            </a:r>
            <a:endParaRPr lang="ko-KR" altLang="en-US" sz="1295" dirty="0"/>
          </a:p>
          <a:p>
            <a:pPr defTabSz="14068">
              <a:lnSpc>
                <a:spcPts val="1200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Xバンド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約3cm</a:t>
            </a:r>
            <a:endParaRPr lang="ko-KR" altLang="en-US" sz="1295" dirty="0"/>
          </a:p>
          <a:p>
            <a:pPr defTabSz="14068">
              <a:lnSpc>
                <a:spcPts val="1200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295" dirty="0">
                <a:solidFill>
                  <a:srgbClr val="4472C4"/>
                </a:solidFill>
                <a:latin typeface="MS"/>
                <a:ea typeface="MS"/>
              </a:rPr>
              <a:t>Cバンド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</a:t>
            </a:r>
            <a:r>
              <a:rPr lang="en-US" altLang="ko-KR" sz="1295" dirty="0">
                <a:solidFill>
                  <a:srgbClr val="4472C4"/>
                </a:solidFill>
                <a:latin typeface="MS"/>
                <a:ea typeface="MS"/>
              </a:rPr>
              <a:t>約6cm</a:t>
            </a:r>
            <a:endParaRPr lang="ko-KR" altLang="en-US" sz="1295" dirty="0"/>
          </a:p>
          <a:p>
            <a:pPr defTabSz="14068">
              <a:lnSpc>
                <a:spcPts val="193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ALOS-2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Radarsat-2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</a:t>
            </a:r>
            <a:r>
              <a:rPr lang="en-US" altLang="ko-KR" sz="1295" b="1" dirty="0">
                <a:solidFill>
                  <a:srgbClr val="000000"/>
                </a:solidFill>
                <a:latin typeface="MS"/>
                <a:ea typeface="MS"/>
              </a:rPr>
              <a:t>COSMO-SkyMed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TerraSAR-X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ASNARO-2</a:t>
            </a:r>
            <a:endParaRPr lang="ko-KR" altLang="en-US" sz="1295" dirty="0"/>
          </a:p>
          <a:p>
            <a:pPr defTabSz="14068">
              <a:lnSpc>
                <a:spcPts val="277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（Lバンド・日）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（Cバンド・加）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（Xバンド・伊）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（Xバンド・独）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（Xバンド・日）</a:t>
            </a:r>
            <a:endParaRPr lang="ko-KR" altLang="en-US" sz="1295" dirty="0"/>
          </a:p>
        </p:txBody>
      </p:sp>
      <p:sp>
        <p:nvSpPr>
          <p:cNvPr id="10" name="Rect 3"/>
          <p:cNvSpPr>
            <a:spLocks noGrp="1" noChangeArrowheads="1"/>
          </p:cNvSpPr>
          <p:nvPr/>
        </p:nvSpPr>
        <p:spPr>
          <a:xfrm>
            <a:off x="5736688" y="4427806"/>
            <a:ext cx="1883312" cy="162951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1292"/>
              </a:lnSpc>
            </a:pPr>
            <a:r>
              <a:rPr lang="en-US" altLang="ko-KR" sz="1295" dirty="0">
                <a:solidFill>
                  <a:srgbClr val="000000"/>
                </a:solidFill>
                <a:latin typeface="MS"/>
              </a:rPr>
              <a:t>分解能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約20m</a:t>
            </a:r>
            <a:r>
              <a:rPr lang="en-US" altLang="ko-KR" sz="1295" b="1" dirty="0">
                <a:solidFill>
                  <a:srgbClr val="000000"/>
                </a:solidFill>
                <a:latin typeface="MS"/>
              </a:rPr>
              <a:t>×約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5m</a:t>
            </a:r>
            <a:endParaRPr lang="ko-KR" altLang="en-US" sz="1295" dirty="0"/>
          </a:p>
        </p:txBody>
      </p:sp>
      <p:sp>
        <p:nvSpPr>
          <p:cNvPr id="48" name="Rect 3"/>
          <p:cNvSpPr>
            <a:spLocks noGrp="1" noChangeArrowheads="1"/>
          </p:cNvSpPr>
          <p:nvPr/>
        </p:nvSpPr>
        <p:spPr>
          <a:xfrm>
            <a:off x="3896751" y="4576689"/>
            <a:ext cx="307731" cy="140677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1108"/>
              </a:lnSpc>
            </a:pPr>
            <a:r>
              <a:rPr lang="en-US" altLang="ko-KR" sz="741" b="1" dirty="0">
                <a:solidFill>
                  <a:srgbClr val="0058C9"/>
                </a:solidFill>
                <a:latin typeface="Meiryo"/>
              </a:rPr>
              <a:t>ファー</a:t>
            </a:r>
            <a:endParaRPr lang="ko-KR" altLang="en-US" sz="741" b="1" dirty="0"/>
          </a:p>
        </p:txBody>
      </p:sp>
      <p:sp>
        <p:nvSpPr>
          <p:cNvPr id="49" name="Rect 3"/>
          <p:cNvSpPr>
            <a:spLocks noGrp="1" noChangeArrowheads="1"/>
          </p:cNvSpPr>
          <p:nvPr/>
        </p:nvSpPr>
        <p:spPr>
          <a:xfrm>
            <a:off x="3553265" y="3294185"/>
            <a:ext cx="3619500" cy="1412045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																																																																																																					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バンド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Cバンド</a:t>
            </a:r>
            <a:endParaRPr lang="ko-KR" altLang="en-US" sz="1295" dirty="0"/>
          </a:p>
          <a:p>
            <a:pPr defTabSz="14068">
              <a:lnSpc>
                <a:spcPts val="313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枚数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48枚</a:t>
            </a:r>
            <a:endParaRPr lang="ko-KR" altLang="en-US" sz="1295" dirty="0"/>
          </a:p>
          <a:p>
            <a:pPr defTabSz="14068">
              <a:lnSpc>
                <a:spcPts val="4431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923"/>
              </a:lnSpc>
            </a:pP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Rg</a:t>
            </a:r>
            <a:endParaRPr lang="ko-KR" altLang="en-US" sz="741" b="1" dirty="0"/>
          </a:p>
        </p:txBody>
      </p:sp>
      <p:sp>
        <p:nvSpPr>
          <p:cNvPr id="50" name="Rect 3"/>
          <p:cNvSpPr>
            <a:spLocks noGrp="1" noChangeArrowheads="1"/>
          </p:cNvSpPr>
          <p:nvPr/>
        </p:nvSpPr>
        <p:spPr>
          <a:xfrm>
            <a:off x="2492912" y="2100776"/>
            <a:ext cx="5974080" cy="2498774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1846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852" dirty="0">
                <a:solidFill>
                  <a:srgbClr val="000000"/>
                </a:solidFill>
                <a:latin typeface="MS"/>
                <a:ea typeface="MS"/>
              </a:rPr>
              <a:t>Sentinel-1</a:t>
            </a:r>
            <a:endParaRPr lang="ko-KR" altLang="en-US" sz="1852" dirty="0"/>
          </a:p>
          <a:p>
            <a:pPr defTabSz="14068">
              <a:lnSpc>
                <a:spcPts val="36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846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850" dirty="0">
                <a:solidFill>
                  <a:srgbClr val="000000"/>
                </a:solidFill>
                <a:latin typeface="MS"/>
                <a:ea typeface="MS"/>
              </a:rPr>
              <a:t>（Cバンド・欧）</a:t>
            </a:r>
            <a:endParaRPr lang="ko-KR" altLang="en-US" sz="1850" dirty="0"/>
          </a:p>
          <a:p>
            <a:pPr defTabSz="14068">
              <a:lnSpc>
                <a:spcPts val="4708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</a:t>
            </a: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ビーム幅</a:t>
            </a:r>
            <a:endParaRPr lang="ko-KR" altLang="en-US" sz="741" b="1" dirty="0"/>
          </a:p>
          <a:p>
            <a:pPr defTabSz="14068">
              <a:lnSpc>
                <a:spcPts val="1754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撮像期間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2017年1月～2020年12月</a:t>
            </a:r>
            <a:endParaRPr lang="ko-KR" altLang="en-US" sz="1295" dirty="0"/>
          </a:p>
          <a:p>
            <a:pPr defTabSz="14068">
              <a:lnSpc>
                <a:spcPts val="277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（直下点）</a:t>
            </a:r>
            <a:endParaRPr lang="ko-KR" altLang="en-US" sz="741" b="1" dirty="0"/>
          </a:p>
          <a:p>
            <a:pPr defTabSz="14068">
              <a:lnSpc>
                <a:spcPts val="1754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軌道方向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南行軌道</a:t>
            </a:r>
            <a:endParaRPr lang="ko-KR" altLang="en-US" sz="1295" dirty="0"/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</a:t>
            </a: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観測幅</a:t>
            </a:r>
            <a:endParaRPr lang="ko-KR" altLang="en-US" sz="741" b="1" dirty="0"/>
          </a:p>
          <a:p>
            <a:pPr defTabSz="14068">
              <a:lnSpc>
                <a:spcPts val="1200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</a:t>
            </a: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ニア</a:t>
            </a:r>
            <a:endParaRPr lang="ko-KR" altLang="en-US" sz="741" b="1" dirty="0"/>
          </a:p>
        </p:txBody>
      </p:sp>
      <p:sp>
        <p:nvSpPr>
          <p:cNvPr id="51" name="Rect 3"/>
          <p:cNvSpPr>
            <a:spLocks noGrp="1" noChangeArrowheads="1"/>
          </p:cNvSpPr>
          <p:nvPr/>
        </p:nvSpPr>
        <p:spPr>
          <a:xfrm>
            <a:off x="1350498" y="2258451"/>
            <a:ext cx="7710268" cy="4237306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																																																																																																		</a:t>
            </a: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高度</a:t>
            </a:r>
            <a:endParaRPr lang="ko-KR" altLang="en-US" sz="741" b="1" dirty="0"/>
          </a:p>
          <a:p>
            <a:pPr defTabSz="14068">
              <a:lnSpc>
                <a:spcPts val="92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</a:t>
            </a: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オフナディア角</a:t>
            </a:r>
            <a:endParaRPr lang="ko-KR" altLang="en-US" sz="741" b="1" dirty="0"/>
          </a:p>
          <a:p>
            <a:pPr defTabSz="14068">
              <a:lnSpc>
                <a:spcPts val="276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295" dirty="0">
                <a:solidFill>
                  <a:srgbClr val="FFFFFF"/>
                </a:solidFill>
                <a:latin typeface="MS"/>
                <a:ea typeface="MS"/>
              </a:rPr>
              <a:t>衛星名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</a:t>
            </a:r>
            <a:r>
              <a:rPr lang="en-US" altLang="ko-KR" sz="1295" dirty="0">
                <a:solidFill>
                  <a:srgbClr val="FFFFFF"/>
                </a:solidFill>
                <a:latin typeface="MS"/>
                <a:ea typeface="MS"/>
              </a:rPr>
              <a:t>Sentinel-1</a:t>
            </a:r>
            <a:endParaRPr lang="ko-KR" altLang="en-US" sz="1295" dirty="0"/>
          </a:p>
          <a:p>
            <a:pPr defTabSz="14068">
              <a:lnSpc>
                <a:spcPts val="738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741" b="1" dirty="0">
                <a:solidFill>
                  <a:srgbClr val="000000"/>
                </a:solidFill>
                <a:latin typeface="Meiryo"/>
                <a:ea typeface="Meiryo"/>
              </a:rPr>
              <a:t>受信装置</a:t>
            </a:r>
            <a:endParaRPr lang="ko-KR" altLang="en-US" sz="741" b="1" dirty="0"/>
          </a:p>
          <a:p>
            <a:pPr defTabSz="14068">
              <a:lnSpc>
                <a:spcPts val="46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</a:t>
            </a: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入射角</a:t>
            </a:r>
            <a:endParaRPr lang="ko-KR" altLang="en-US" sz="741" b="1" dirty="0"/>
          </a:p>
          <a:p>
            <a:pPr defTabSz="14068">
              <a:lnSpc>
                <a:spcPts val="36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741" b="1" dirty="0">
                <a:solidFill>
                  <a:srgbClr val="000000"/>
                </a:solidFill>
                <a:latin typeface="Meiryo"/>
              </a:rPr>
              <a:t>記録装置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</a:t>
            </a: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ナディア点</a:t>
            </a:r>
            <a:endParaRPr lang="ko-KR" altLang="en-US" sz="741" b="1" dirty="0"/>
          </a:p>
          <a:p>
            <a:pPr defTabSz="14068">
              <a:lnSpc>
                <a:spcPts val="166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741" b="1" dirty="0">
                <a:solidFill>
                  <a:srgbClr val="000000"/>
                </a:solidFill>
                <a:latin typeface="Meiryo"/>
              </a:rPr>
              <a:t>処理装置</a:t>
            </a:r>
            <a:endParaRPr lang="ko-KR" altLang="en-US" sz="741" b="1" dirty="0"/>
          </a:p>
          <a:p>
            <a:pPr defTabSz="14068">
              <a:lnSpc>
                <a:spcPts val="101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831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</a:t>
            </a:r>
            <a:r>
              <a:rPr lang="en-US" altLang="ko-KR" sz="554" b="1" dirty="0">
                <a:solidFill>
                  <a:srgbClr val="0058C9"/>
                </a:solidFill>
                <a:latin typeface="Meiryo"/>
                <a:ea typeface="Meiryo"/>
              </a:rPr>
              <a:t>（アジマス）</a:t>
            </a:r>
            <a:endParaRPr lang="ko-KR" altLang="en-US" sz="554" b="1" dirty="0"/>
          </a:p>
          <a:p>
            <a:pPr defTabSz="14068">
              <a:lnSpc>
                <a:spcPts val="92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831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</a:t>
            </a:r>
            <a:r>
              <a:rPr lang="en-US" altLang="ko-KR" sz="741" b="1" dirty="0">
                <a:solidFill>
                  <a:srgbClr val="0058C9"/>
                </a:solidFill>
                <a:latin typeface="Meiryo"/>
                <a:ea typeface="Meiryo"/>
              </a:rPr>
              <a:t>グランドトラック</a:t>
            </a:r>
            <a:endParaRPr lang="ko-KR" altLang="en-US" sz="741" b="1" dirty="0"/>
          </a:p>
          <a:p>
            <a:pPr defTabSz="14068">
              <a:lnSpc>
                <a:spcPts val="738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831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</a:t>
            </a:r>
            <a:r>
              <a:rPr lang="en-US" altLang="ko-KR" sz="554" b="1" dirty="0">
                <a:solidFill>
                  <a:srgbClr val="0058C9"/>
                </a:solidFill>
                <a:latin typeface="Meiryo"/>
                <a:ea typeface="Meiryo"/>
              </a:rPr>
              <a:t>（レンジ）</a:t>
            </a:r>
            <a:endParaRPr lang="ko-KR" altLang="en-US" sz="554" b="1" dirty="0"/>
          </a:p>
          <a:p>
            <a:pPr defTabSz="14068">
              <a:lnSpc>
                <a:spcPts val="9046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Lバンド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約25cm</a:t>
            </a:r>
            <a:endParaRPr lang="ko-KR" altLang="en-US" sz="1295" dirty="0"/>
          </a:p>
          <a:p>
            <a:pPr defTabSz="14068">
              <a:lnSpc>
                <a:spcPts val="1477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38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384" dirty="0">
                <a:solidFill>
                  <a:srgbClr val="000000"/>
                </a:solidFill>
                <a:latin typeface="MS"/>
                <a:ea typeface="MS"/>
              </a:rPr>
              <a:t>13</a:t>
            </a:r>
            <a:endParaRPr lang="ko-KR" altLang="en-US" sz="1384" dirty="0"/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2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0" y="263769"/>
            <a:ext cx="9144001" cy="503507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81" name="Rect 3"/>
          <p:cNvSpPr>
            <a:spLocks noGrp="1" noChangeArrowheads="1"/>
          </p:cNvSpPr>
          <p:nvPr/>
        </p:nvSpPr>
        <p:spPr>
          <a:xfrm>
            <a:off x="1" y="263770"/>
            <a:ext cx="9167447" cy="6330462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23354"/>
              </a:lnSpc>
            </a:pPr>
            <a:endParaRPr lang="ko-KR" altLang="en-US" sz="877" dirty="0"/>
          </a:p>
          <a:p>
            <a:pPr defTabSz="14068">
              <a:lnSpc>
                <a:spcPts val="258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																						</a:t>
            </a:r>
            <a:r>
              <a:rPr lang="en-US" altLang="ko-KR" sz="2583" dirty="0">
                <a:solidFill>
                  <a:srgbClr val="4472C4"/>
                </a:solidFill>
                <a:latin typeface="HGPSoeiKakugothicUB"/>
                <a:ea typeface="HGPSoeiKakugothicUB"/>
              </a:rPr>
              <a:t>静岡市WG</a:t>
            </a:r>
            <a:endParaRPr lang="ko-KR" altLang="en-US" sz="2583" dirty="0"/>
          </a:p>
          <a:p>
            <a:pPr defTabSz="14068">
              <a:lnSpc>
                <a:spcPts val="277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3323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</a:t>
            </a:r>
            <a:r>
              <a:rPr lang="en-US" altLang="ko-KR" sz="3323" dirty="0">
                <a:solidFill>
                  <a:srgbClr val="A6A6A6"/>
                </a:solidFill>
                <a:latin typeface="HGPSoeiKakugothicUB"/>
                <a:ea typeface="HGPSoeiKakugothicUB"/>
              </a:rPr>
              <a:t>レーザー打音による現場試行の結果および評価</a:t>
            </a:r>
            <a:endParaRPr lang="ko-KR" altLang="en-US" sz="3323" dirty="0"/>
          </a:p>
          <a:p>
            <a:pPr defTabSz="14068">
              <a:lnSpc>
                <a:spcPts val="18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38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384" dirty="0">
                <a:solidFill>
                  <a:srgbClr val="000000"/>
                </a:solidFill>
                <a:latin typeface="MS"/>
                <a:ea typeface="MS"/>
              </a:rPr>
              <a:t>22</a:t>
            </a:r>
            <a:endParaRPr lang="ko-KR" altLang="en-US" sz="1384" dirty="0"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4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0" y="263769"/>
            <a:ext cx="9144001" cy="50350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-61546" y="1293642"/>
            <a:ext cx="9292884" cy="1651195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87337" y="3364523"/>
            <a:ext cx="3702734" cy="2954215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4" name="Picture 8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4586068" y="3583745"/>
            <a:ext cx="3916680" cy="2174631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83" name="Rect 3"/>
          <p:cNvSpPr>
            <a:spLocks noGrp="1" noChangeArrowheads="1"/>
          </p:cNvSpPr>
          <p:nvPr/>
        </p:nvSpPr>
        <p:spPr>
          <a:xfrm>
            <a:off x="1" y="263770"/>
            <a:ext cx="9167447" cy="6330462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462"/>
              </a:lnSpc>
            </a:pPr>
            <a:endParaRPr lang="ko-KR" altLang="en-US" sz="877" dirty="0"/>
          </a:p>
          <a:p>
            <a:pPr defTabSz="14068">
              <a:lnSpc>
                <a:spcPts val="258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</a:t>
            </a:r>
            <a:r>
              <a:rPr lang="en-US" altLang="ko-KR" sz="2580" dirty="0">
                <a:solidFill>
                  <a:srgbClr val="4087C8"/>
                </a:solidFill>
                <a:latin typeface="HGPSoeiKakugothicUB"/>
                <a:ea typeface="HGPSoeiKakugothicUB"/>
              </a:rPr>
              <a:t>実証概要（実証箇所、技術概要）</a:t>
            </a:r>
            <a:endParaRPr lang="ko-KR" altLang="en-US" sz="2580" dirty="0"/>
          </a:p>
          <a:p>
            <a:pPr defTabSz="14068">
              <a:lnSpc>
                <a:spcPts val="193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実施箇所：追い越し車線（右側）の「外力によるひび割れ」、「打ち継ぎ目のうき」、「うき」を対象とした。</a:t>
            </a:r>
            <a:endParaRPr lang="ko-KR" altLang="en-US" sz="1295" dirty="0"/>
          </a:p>
          <a:p>
            <a:pPr defTabSz="14068">
              <a:lnSpc>
                <a:spcPts val="277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</a:t>
            </a:r>
            <a:r>
              <a:rPr lang="en-US" altLang="ko-KR" sz="1298" dirty="0">
                <a:solidFill>
                  <a:srgbClr val="000000"/>
                </a:solidFill>
                <a:latin typeface="MS"/>
                <a:ea typeface="MS"/>
              </a:rPr>
              <a:t>本報告書内には、赤枠部位を記載した。</a:t>
            </a:r>
            <a:endParaRPr lang="ko-KR" altLang="en-US" sz="1298" dirty="0"/>
          </a:p>
          <a:p>
            <a:pPr defTabSz="14068">
              <a:lnSpc>
                <a:spcPts val="12370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923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</a:t>
            </a:r>
            <a:r>
              <a:rPr lang="en-US" altLang="ko-KR" sz="919" dirty="0">
                <a:solidFill>
                  <a:srgbClr val="000000"/>
                </a:solidFill>
                <a:latin typeface="MS"/>
                <a:ea typeface="MS"/>
              </a:rPr>
              <a:t>上記表及び本報告書内の変状展開図は、「平成		 27 年度 保維特委 第		 1 号 道路トンネル定期点検業務委託（その１）報告書」から抜粋した。（S058-4を除く）</a:t>
            </a:r>
            <a:endParaRPr lang="ko-KR" altLang="en-US" sz="919" dirty="0"/>
          </a:p>
          <a:p>
            <a:pPr defTabSz="14068">
              <a:lnSpc>
                <a:spcPts val="1846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レーザー打音検査：技術概要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レーザー打音検査装置</a:t>
            </a:r>
            <a:endParaRPr lang="ko-KR" altLang="en-US" sz="1295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000000"/>
                </a:solidFill>
                <a:latin typeface="MS"/>
                <a:ea typeface="MS"/>
              </a:rPr>
              <a:t>国土交通省 点検支援技術カタログ（案）TN020003-V0020 </a:t>
            </a:r>
            <a:endParaRPr lang="ko-KR" altLang="en-US" sz="1108" dirty="0"/>
          </a:p>
          <a:p>
            <a:pPr defTabSz="14068">
              <a:lnSpc>
                <a:spcPts val="9046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923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921" dirty="0">
                <a:solidFill>
                  <a:srgbClr val="000000"/>
                </a:solidFill>
                <a:latin typeface="MS"/>
                <a:ea typeface="MS"/>
              </a:rPr>
              <a:t>・遠隔化</a:t>
            </a:r>
            <a:endParaRPr lang="ko-KR" altLang="en-US" sz="921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923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919" dirty="0">
                <a:solidFill>
                  <a:srgbClr val="000000"/>
                </a:solidFill>
                <a:latin typeface="MS"/>
                <a:ea typeface="MS"/>
              </a:rPr>
              <a:t>・定量化</a:t>
            </a:r>
            <a:endParaRPr lang="ko-KR" altLang="en-US" sz="919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923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919" dirty="0">
                <a:solidFill>
                  <a:srgbClr val="000000"/>
                </a:solidFill>
                <a:latin typeface="MS"/>
                <a:ea typeface="MS"/>
              </a:rPr>
              <a:t>・デジタル化</a:t>
            </a:r>
            <a:endParaRPr lang="ko-KR" altLang="en-US" sz="919" dirty="0"/>
          </a:p>
          <a:p>
            <a:pPr defTabSz="14068">
              <a:lnSpc>
                <a:spcPts val="129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831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</a:t>
            </a:r>
            <a:r>
              <a:rPr lang="en-US" altLang="ko-KR" sz="656" dirty="0">
                <a:solidFill>
                  <a:srgbClr val="FFFFFF"/>
                </a:solidFill>
                <a:latin typeface="MS"/>
                <a:ea typeface="MS"/>
              </a:rPr>
              <a:t>計測結果の表示例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</a:t>
            </a:r>
            <a:r>
              <a:rPr lang="en-US" altLang="ko-KR" sz="863" dirty="0">
                <a:solidFill>
                  <a:srgbClr val="FFFFFF"/>
                </a:solidFill>
                <a:latin typeface="MS"/>
                <a:ea typeface="MS"/>
              </a:rPr>
              <a:t>?</a:t>
            </a:r>
            <a:endParaRPr lang="ko-KR" altLang="en-US" sz="863" dirty="0"/>
          </a:p>
          <a:p>
            <a:pPr defTabSz="14068">
              <a:lnSpc>
                <a:spcPts val="831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554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</a:t>
            </a:r>
            <a:r>
              <a:rPr lang="en-US" altLang="ko-KR" sz="573" dirty="0">
                <a:solidFill>
                  <a:srgbClr val="000000"/>
                </a:solidFill>
                <a:latin typeface="MS"/>
                <a:ea typeface="MS"/>
              </a:rPr>
              <a:t>i) 健全と判定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</a:t>
            </a:r>
            <a:r>
              <a:rPr lang="en-US" altLang="ko-KR" sz="573" dirty="0">
                <a:solidFill>
                  <a:srgbClr val="000000"/>
                </a:solidFill>
                <a:latin typeface="MS"/>
                <a:ea typeface="MS"/>
              </a:rPr>
              <a:t>ii) 欠陥と判定</a:t>
            </a:r>
            <a:endParaRPr lang="ko-KR" altLang="en-US" sz="573" dirty="0"/>
          </a:p>
          <a:p>
            <a:pPr defTabSz="14068">
              <a:lnSpc>
                <a:spcPts val="277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554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</a:t>
            </a:r>
            <a:r>
              <a:rPr lang="en-US" altLang="ko-KR" sz="573" dirty="0">
                <a:solidFill>
                  <a:srgbClr val="FFFFFF"/>
                </a:solidFill>
                <a:latin typeface="MS"/>
                <a:ea typeface="MS"/>
              </a:rPr>
              <a:t>欠陥</a:t>
            </a:r>
            <a:endParaRPr lang="ko-KR" altLang="en-US" sz="573" dirty="0"/>
          </a:p>
          <a:p>
            <a:pPr defTabSz="14068">
              <a:lnSpc>
                <a:spcPts val="554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554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</a:t>
            </a:r>
            <a:r>
              <a:rPr lang="en-US" altLang="ko-KR" sz="573" dirty="0">
                <a:solidFill>
                  <a:srgbClr val="FFFFFF"/>
                </a:solidFill>
                <a:latin typeface="MS"/>
                <a:ea typeface="MS"/>
              </a:rPr>
              <a:t>健全</a:t>
            </a:r>
            <a:endParaRPr lang="ko-KR" altLang="en-US" sz="573" dirty="0"/>
          </a:p>
          <a:p>
            <a:pPr defTabSz="14068">
              <a:lnSpc>
                <a:spcPts val="36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000000"/>
                </a:solidFill>
                <a:latin typeface="MS"/>
                <a:ea typeface="MS"/>
              </a:rPr>
              <a:t>寸法：全長8.5m x 幅2.3m x 高さ3.2m</a:t>
            </a:r>
            <a:endParaRPr lang="ko-KR" altLang="en-US" sz="1108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000000"/>
                </a:solidFill>
                <a:latin typeface="MS"/>
                <a:ea typeface="MS"/>
              </a:rPr>
              <a:t>最大重量：約7 t</a:t>
            </a:r>
            <a:endParaRPr lang="ko-KR" altLang="en-US" sz="1108" dirty="0"/>
          </a:p>
          <a:p>
            <a:pPr defTabSz="14068">
              <a:lnSpc>
                <a:spcPts val="92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</a:t>
            </a:r>
            <a:r>
              <a:rPr lang="en-US" altLang="ko-KR" sz="1108" dirty="0">
                <a:solidFill>
                  <a:srgbClr val="000000"/>
                </a:solidFill>
                <a:latin typeface="MS"/>
                <a:ea typeface="MS"/>
              </a:rPr>
              <a:t>レーザーで表面を振動させると同時に、表面の振動を計測する。</a:t>
            </a:r>
            <a:endParaRPr lang="ko-KR" altLang="en-US" sz="1108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</a:t>
            </a:r>
            <a:r>
              <a:rPr lang="en-US" altLang="ko-KR" sz="1108" dirty="0">
                <a:solidFill>
                  <a:srgbClr val="000000"/>
                </a:solidFill>
                <a:latin typeface="MS"/>
                <a:ea typeface="MS"/>
              </a:rPr>
              <a:t>「手を添えて振動を検知する打音検査」に相当。</a:t>
            </a:r>
            <a:endParaRPr lang="ko-KR" altLang="en-US" sz="1108" dirty="0"/>
          </a:p>
        </p:txBody>
      </p:sp>
      <p:sp>
        <p:nvSpPr>
          <p:cNvPr id="5" name="Rect 3"/>
          <p:cNvSpPr>
            <a:spLocks noGrp="1" noChangeArrowheads="1"/>
          </p:cNvSpPr>
          <p:nvPr/>
        </p:nvSpPr>
        <p:spPr>
          <a:xfrm>
            <a:off x="1780735" y="5263662"/>
            <a:ext cx="7280031" cy="1232095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554"/>
              </a:lnSpc>
            </a:pPr>
            <a:r>
              <a:rPr lang="en-US" altLang="ko-KR" sz="573" dirty="0">
                <a:solidFill>
                  <a:srgbClr val="000000"/>
                </a:solidFill>
                <a:latin typeface="MS"/>
              </a:rPr>
              <a:t>（△）振動スペクトル</a:t>
            </a:r>
            <a:endParaRPr lang="ko-KR" altLang="en-US" sz="573" dirty="0"/>
          </a:p>
          <a:p>
            <a:pPr defTabSz="14068">
              <a:lnSpc>
                <a:spcPts val="276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554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</a:t>
            </a:r>
            <a:r>
              <a:rPr lang="en-US" altLang="ko-KR" sz="573" dirty="0">
                <a:solidFill>
                  <a:srgbClr val="000000"/>
                </a:solidFill>
                <a:latin typeface="MS"/>
                <a:ea typeface="MS"/>
              </a:rPr>
              <a:t>欠陥に起因する共振</a:t>
            </a:r>
            <a:endParaRPr lang="ko-KR" altLang="en-US" sz="573" dirty="0"/>
          </a:p>
          <a:p>
            <a:pPr defTabSz="14068">
              <a:lnSpc>
                <a:spcPts val="313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000000"/>
                </a:solidFill>
                <a:latin typeface="MS"/>
                <a:ea typeface="MS"/>
              </a:rPr>
              <a:t>繰り返し：最大10 Hz</a:t>
            </a:r>
            <a:endParaRPr lang="ko-KR" altLang="en-US" sz="1108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38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000000"/>
                </a:solidFill>
                <a:latin typeface="MS"/>
                <a:ea typeface="MS"/>
              </a:rPr>
              <a:t>動作環境：5</a:t>
            </a:r>
            <a:r>
              <a:rPr lang="en-US" altLang="ko-KR" sz="1108" b="1" dirty="0">
                <a:solidFill>
                  <a:srgbClr val="000000"/>
                </a:solidFill>
                <a:latin typeface="MS"/>
              </a:rPr>
              <a:t>℃〜</a:t>
            </a:r>
            <a:r>
              <a:rPr lang="en-US" altLang="ko-KR" sz="1108" dirty="0">
                <a:solidFill>
                  <a:srgbClr val="000000"/>
                </a:solidFill>
                <a:latin typeface="MS"/>
              </a:rPr>
              <a:t>35℃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</a:t>
            </a:r>
            <a:r>
              <a:rPr lang="en-US" altLang="ko-KR" sz="1384" dirty="0">
                <a:solidFill>
                  <a:srgbClr val="000000"/>
                </a:solidFill>
                <a:latin typeface="MS"/>
                <a:ea typeface="MS"/>
              </a:rPr>
              <a:t>23</a:t>
            </a:r>
            <a:endParaRPr lang="ko-KR" altLang="en-US" sz="1384" dirty="0"/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テキスト ボックス 4">
            <a:extLst>
              <a:ext uri="{FF2B5EF4-FFF2-40B4-BE49-F238E27FC236}">
                <a16:creationId xmlns:a16="http://schemas.microsoft.com/office/drawing/2014/main" id="{88BCA9C9-9F6D-4727-990D-AD043F36285F}"/>
              </a:ext>
            </a:extLst>
          </p:cNvPr>
          <p:cNvSpPr txBox="1"/>
          <p:nvPr/>
        </p:nvSpPr>
        <p:spPr>
          <a:xfrm>
            <a:off x="755576" y="548680"/>
            <a:ext cx="7308411" cy="483209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800" dirty="0"/>
              <a:t>つまり！</a:t>
            </a:r>
            <a:endParaRPr kumimoji="1" lang="en-US" altLang="ja-JP" sz="2800" dirty="0"/>
          </a:p>
          <a:p>
            <a:endParaRPr lang="en-US" altLang="ja-JP" sz="2800" dirty="0"/>
          </a:p>
          <a:p>
            <a:r>
              <a:rPr kumimoji="1" lang="ja-JP" altLang="en-US" sz="2800" dirty="0"/>
              <a:t>デジタル技術を活用した、生産性の向上策！！</a:t>
            </a:r>
            <a:endParaRPr kumimoji="1" lang="en-US" altLang="ja-JP" sz="2800" dirty="0"/>
          </a:p>
          <a:p>
            <a:endParaRPr lang="en-US" altLang="ja-JP" sz="2800" dirty="0"/>
          </a:p>
          <a:p>
            <a:r>
              <a:rPr kumimoji="1" lang="ja-JP" altLang="en-US" sz="2800" dirty="0"/>
              <a:t>これって、昔から取り組まれている。</a:t>
            </a:r>
            <a:endParaRPr kumimoji="1" lang="en-US" altLang="ja-JP" sz="2800" dirty="0"/>
          </a:p>
          <a:p>
            <a:endParaRPr lang="en-US" altLang="ja-JP" sz="2800" dirty="0"/>
          </a:p>
          <a:p>
            <a:r>
              <a:rPr kumimoji="1" lang="ja-JP" altLang="en-US" sz="2800" dirty="0"/>
              <a:t>この活用を阻むものは何か？</a:t>
            </a:r>
            <a:endParaRPr kumimoji="1" lang="en-US" altLang="ja-JP" sz="2800" dirty="0"/>
          </a:p>
          <a:p>
            <a:endParaRPr kumimoji="1" lang="en-US" altLang="ja-JP" sz="2800" dirty="0"/>
          </a:p>
          <a:p>
            <a:r>
              <a:rPr lang="ja-JP" altLang="en-US" sz="2800" dirty="0"/>
              <a:t>どうしたら、効率的に推進できるのか？</a:t>
            </a:r>
            <a:endParaRPr lang="en-US" altLang="ja-JP" sz="2800" dirty="0"/>
          </a:p>
          <a:p>
            <a:endParaRPr kumimoji="1" lang="en-US" altLang="ja-JP" sz="2800" dirty="0"/>
          </a:p>
          <a:p>
            <a:r>
              <a:rPr lang="ja-JP" altLang="en-US" sz="2800" dirty="0"/>
              <a:t>を考えてください！</a:t>
            </a:r>
            <a:endParaRPr kumimoji="1" lang="ja-JP" altLang="en-US" sz="2800" dirty="0"/>
          </a:p>
        </p:txBody>
      </p:sp>
    </p:spTree>
    <p:extLst>
      <p:ext uri="{BB962C8B-B14F-4D97-AF65-F5344CB8AC3E}">
        <p14:creationId xmlns:p14="http://schemas.microsoft.com/office/powerpoint/2010/main" val="211416961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7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0" y="263769"/>
            <a:ext cx="9144001" cy="50350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50410" y="1087902"/>
            <a:ext cx="8964051" cy="2929011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-224497" y="4146453"/>
            <a:ext cx="4523350" cy="2726202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4" name="Picture 8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4375053" y="4174588"/>
            <a:ext cx="3716802" cy="1949548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86" name="Rect 3"/>
          <p:cNvSpPr>
            <a:spLocks noGrp="1" noChangeArrowheads="1"/>
          </p:cNvSpPr>
          <p:nvPr/>
        </p:nvSpPr>
        <p:spPr>
          <a:xfrm>
            <a:off x="1" y="263770"/>
            <a:ext cx="9167447" cy="6330462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462"/>
              </a:lnSpc>
            </a:pPr>
            <a:endParaRPr lang="ko-KR" altLang="en-US" sz="877" dirty="0"/>
          </a:p>
          <a:p>
            <a:pPr defTabSz="14068">
              <a:lnSpc>
                <a:spcPts val="258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</a:t>
            </a:r>
            <a:r>
              <a:rPr lang="en-US" altLang="ko-KR" sz="2580" dirty="0">
                <a:solidFill>
                  <a:srgbClr val="4087C8"/>
                </a:solidFill>
                <a:latin typeface="HGPSoeiKakugothicUB"/>
                <a:ea typeface="HGPSoeiKakugothicUB"/>
              </a:rPr>
              <a:t>実証の様子</a:t>
            </a:r>
            <a:endParaRPr lang="ko-KR" altLang="en-US" sz="2580" dirty="0"/>
          </a:p>
          <a:p>
            <a:pPr defTabSz="14068">
              <a:lnSpc>
                <a:spcPts val="166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477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</a:t>
            </a:r>
            <a:r>
              <a:rPr lang="en-US" altLang="ko-KR" sz="1473" dirty="0">
                <a:solidFill>
                  <a:srgbClr val="000000"/>
                </a:solidFill>
                <a:latin typeface="MS"/>
                <a:ea typeface="MS"/>
              </a:rPr>
              <a:t>実施場所：静岡県静岡市 国道150号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</a:t>
            </a:r>
            <a:r>
              <a:rPr lang="en-US" altLang="ko-KR" sz="1473" dirty="0">
                <a:solidFill>
                  <a:srgbClr val="000000"/>
                </a:solidFill>
                <a:latin typeface="MS"/>
                <a:ea typeface="MS"/>
              </a:rPr>
              <a:t>新日本坂トンネル 下り線 追い越し車線側</a:t>
            </a:r>
            <a:endParaRPr lang="ko-KR" altLang="en-US" sz="1473" dirty="0"/>
          </a:p>
          <a:p>
            <a:pPr defTabSz="14068">
              <a:lnSpc>
                <a:spcPts val="2400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FFFFFF"/>
                </a:solidFill>
                <a:latin typeface="MS"/>
                <a:ea typeface="MS"/>
              </a:rPr>
              <a:t>振動励起レーザー</a:t>
            </a:r>
            <a:endParaRPr lang="ko-KR" altLang="en-US" sz="1108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FFFFFF"/>
                </a:solidFill>
                <a:latin typeface="MS"/>
                <a:ea typeface="MS"/>
              </a:rPr>
              <a:t>による吹き出し</a:t>
            </a:r>
            <a:endParaRPr lang="ko-KR" altLang="en-US" sz="1108" dirty="0"/>
          </a:p>
          <a:p>
            <a:pPr defTabSz="14068">
              <a:lnSpc>
                <a:spcPts val="193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FFFFFF"/>
                </a:solidFill>
                <a:latin typeface="MS"/>
                <a:ea typeface="MS"/>
              </a:rPr>
              <a:t>振動励起レーザー</a:t>
            </a:r>
            <a:endParaRPr lang="ko-KR" altLang="en-US" sz="1108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FFFFFF"/>
                </a:solidFill>
                <a:latin typeface="MS"/>
                <a:ea typeface="MS"/>
              </a:rPr>
              <a:t>（白点）</a:t>
            </a:r>
            <a:endParaRPr lang="ko-KR" altLang="en-US" sz="1108" dirty="0"/>
          </a:p>
          <a:p>
            <a:pPr defTabSz="14068">
              <a:lnSpc>
                <a:spcPts val="646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FFFFFF"/>
                </a:solidFill>
                <a:latin typeface="MS"/>
                <a:ea typeface="MS"/>
              </a:rPr>
              <a:t>レー</a:t>
            </a:r>
            <a:endParaRPr lang="ko-KR" altLang="en-US" sz="1108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10" dirty="0">
                <a:solidFill>
                  <a:srgbClr val="FFFFFF"/>
                </a:solidFill>
                <a:latin typeface="MS"/>
                <a:ea typeface="MS"/>
              </a:rPr>
              <a:t>ザー</a:t>
            </a:r>
            <a:endParaRPr lang="ko-KR" altLang="en-US" sz="1110" dirty="0"/>
          </a:p>
          <a:p>
            <a:pPr defTabSz="14068">
              <a:lnSpc>
                <a:spcPts val="5354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FFFFFF"/>
                </a:solidFill>
                <a:latin typeface="MS"/>
                <a:ea typeface="MS"/>
              </a:rPr>
              <a:t>振動計測用レーザー</a:t>
            </a:r>
            <a:endParaRPr lang="ko-KR" altLang="en-US" sz="1108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FFFFFF"/>
                </a:solidFill>
                <a:latin typeface="MS"/>
                <a:ea typeface="MS"/>
              </a:rPr>
              <a:t>（緑線）</a:t>
            </a:r>
            <a:endParaRPr lang="ko-KR" altLang="en-US" sz="1108" dirty="0"/>
          </a:p>
          <a:p>
            <a:pPr defTabSz="14068">
              <a:lnSpc>
                <a:spcPts val="129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754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</a:t>
            </a:r>
            <a:r>
              <a:rPr lang="en-US" altLang="ko-KR" sz="1662" dirty="0">
                <a:solidFill>
                  <a:srgbClr val="FFFFFF"/>
                </a:solidFill>
                <a:latin typeface="MS"/>
                <a:ea typeface="MS"/>
              </a:rPr>
              <a:t>走行車線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</a:t>
            </a:r>
            <a:r>
              <a:rPr lang="en-US" altLang="ko-KR" sz="1662" dirty="0">
                <a:solidFill>
                  <a:srgbClr val="FFFFFF"/>
                </a:solidFill>
                <a:latin typeface="MS"/>
                <a:ea typeface="MS"/>
              </a:rPr>
              <a:t>追い越し車線（規制側）</a:t>
            </a:r>
            <a:endParaRPr lang="ko-KR" altLang="en-US" sz="1662" dirty="0"/>
          </a:p>
          <a:p>
            <a:pPr defTabSz="14068">
              <a:lnSpc>
                <a:spcPts val="2400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646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</a:t>
            </a:r>
            <a:r>
              <a:rPr lang="en-US" altLang="ko-KR" sz="631" dirty="0">
                <a:solidFill>
                  <a:srgbClr val="000000"/>
                </a:solidFill>
                <a:latin typeface="MS"/>
                <a:ea typeface="MS"/>
              </a:rPr>
              <a:t>管理区域</a:t>
            </a:r>
            <a:endParaRPr lang="ko-KR" altLang="en-US" sz="631" dirty="0"/>
          </a:p>
          <a:p>
            <a:pPr defTabSz="14068">
              <a:lnSpc>
                <a:spcPts val="2031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73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</a:t>
            </a:r>
            <a:r>
              <a:rPr lang="en-US" altLang="ko-KR" sz="391" dirty="0">
                <a:solidFill>
                  <a:srgbClr val="000000"/>
                </a:solidFill>
                <a:latin typeface="MS"/>
                <a:ea typeface="MS"/>
              </a:rPr>
              <a:t>5</a:t>
            </a:r>
            <a:r>
              <a:rPr lang="en-US" altLang="ko-KR" sz="391" dirty="0">
                <a:solidFill>
                  <a:srgbClr val="000000"/>
                </a:solidFill>
                <a:latin typeface="MS"/>
              </a:rPr>
              <a:t>0</a:t>
            </a:r>
            <a:endParaRPr lang="ko-KR" altLang="en-US" sz="391" dirty="0"/>
          </a:p>
          <a:p>
            <a:pPr defTabSz="14068">
              <a:lnSpc>
                <a:spcPts val="13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369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</a:t>
            </a:r>
            <a:r>
              <a:rPr lang="en-US" altLang="ko-KR" sz="396" dirty="0">
                <a:solidFill>
                  <a:srgbClr val="000000"/>
                </a:solidFill>
                <a:latin typeface="MS"/>
                <a:ea typeface="MS"/>
              </a:rPr>
              <a:t>3742</a:t>
            </a:r>
            <a:endParaRPr lang="ko-KR" altLang="en-US" sz="396" dirty="0"/>
          </a:p>
          <a:p>
            <a:pPr defTabSz="14068">
              <a:lnSpc>
                <a:spcPts val="738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4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</a:t>
            </a:r>
            <a:r>
              <a:rPr lang="en-US" altLang="ko-KR" sz="723" dirty="0">
                <a:solidFill>
                  <a:srgbClr val="000000"/>
                </a:solidFill>
                <a:latin typeface="MS"/>
                <a:ea typeface="MS"/>
              </a:rPr>
              <a:t>3</a:t>
            </a:r>
            <a:endParaRPr lang="ko-KR" altLang="en-US" sz="723" dirty="0"/>
          </a:p>
          <a:p>
            <a:pPr defTabSz="14068">
              <a:lnSpc>
                <a:spcPts val="554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369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</a:t>
            </a:r>
            <a:r>
              <a:rPr lang="en-US" altLang="ko-KR" sz="723" dirty="0">
                <a:solidFill>
                  <a:srgbClr val="000000"/>
                </a:solidFill>
                <a:latin typeface="MS"/>
                <a:ea typeface="MS"/>
              </a:rPr>
              <a:t>3</a:t>
            </a:r>
            <a:endParaRPr lang="ko-KR" altLang="en-US" sz="723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646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551" dirty="0">
                <a:solidFill>
                  <a:srgbClr val="000000"/>
                </a:solidFill>
                <a:latin typeface="YuGothic"/>
                <a:ea typeface="YuGothic"/>
              </a:rPr>
              <a:t>（特定波⻑の光を減光する）</a:t>
            </a:r>
            <a:endParaRPr lang="ko-KR" altLang="en-US" sz="551" dirty="0"/>
          </a:p>
          <a:p>
            <a:pPr defTabSz="14068">
              <a:lnSpc>
                <a:spcPts val="831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646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</a:t>
            </a:r>
            <a:r>
              <a:rPr lang="en-US" altLang="ko-KR" sz="726" dirty="0">
                <a:solidFill>
                  <a:srgbClr val="000000"/>
                </a:solidFill>
                <a:latin typeface="MS"/>
                <a:ea typeface="MS"/>
              </a:rPr>
              <a:t>7000</a:t>
            </a:r>
            <a:endParaRPr lang="ko-KR" altLang="en-US" sz="726" dirty="0"/>
          </a:p>
          <a:p>
            <a:pPr defTabSz="14068">
              <a:lnSpc>
                <a:spcPts val="46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646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</a:t>
            </a:r>
            <a:r>
              <a:rPr lang="en-US" altLang="ko-KR" sz="631" dirty="0">
                <a:solidFill>
                  <a:srgbClr val="000000"/>
                </a:solidFill>
                <a:latin typeface="MS"/>
                <a:ea typeface="MS"/>
              </a:rPr>
              <a:t>管理区域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</a:t>
            </a:r>
            <a:r>
              <a:rPr lang="en-US" altLang="ko-KR" sz="474" b="1" dirty="0">
                <a:solidFill>
                  <a:srgbClr val="000000"/>
                </a:solidFill>
                <a:latin typeface="MS"/>
                <a:ea typeface="MS"/>
              </a:rPr>
              <a:t>レーザー打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</a:t>
            </a:r>
            <a:r>
              <a:rPr lang="en-US" altLang="ko-KR" sz="474" dirty="0">
                <a:solidFill>
                  <a:srgbClr val="000000"/>
                </a:solidFill>
                <a:latin typeface="MS"/>
                <a:ea typeface="MS"/>
              </a:rPr>
              <a:t>両</a:t>
            </a:r>
            <a:endParaRPr lang="ko-KR" altLang="en-US" sz="474" dirty="0"/>
          </a:p>
          <a:p>
            <a:pPr defTabSz="14068">
              <a:lnSpc>
                <a:spcPts val="9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646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</a:t>
            </a:r>
            <a:r>
              <a:rPr lang="en-US" altLang="ko-KR" sz="631" dirty="0">
                <a:solidFill>
                  <a:srgbClr val="000000"/>
                </a:solidFill>
                <a:latin typeface="MS"/>
                <a:ea typeface="MS"/>
              </a:rPr>
              <a:t>上面図</a:t>
            </a:r>
            <a:endParaRPr lang="ko-KR" altLang="en-US" sz="631" dirty="0"/>
          </a:p>
          <a:p>
            <a:pPr defTabSz="14068">
              <a:lnSpc>
                <a:spcPts val="9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4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</a:t>
            </a:r>
            <a:r>
              <a:rPr lang="en-US" altLang="ko-KR" sz="474" dirty="0">
                <a:solidFill>
                  <a:srgbClr val="000000"/>
                </a:solidFill>
                <a:latin typeface="MS"/>
                <a:ea typeface="MS"/>
              </a:rPr>
              <a:t>交通規制区間（ 追い越し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</a:t>
            </a:r>
            <a:r>
              <a:rPr lang="en-US" altLang="ko-KR" sz="474" dirty="0">
                <a:solidFill>
                  <a:srgbClr val="000000"/>
                </a:solidFill>
                <a:latin typeface="MS"/>
                <a:ea typeface="MS"/>
              </a:rPr>
              <a:t>線側）</a:t>
            </a:r>
            <a:endParaRPr lang="ko-KR" altLang="en-US" sz="474" dirty="0"/>
          </a:p>
          <a:p>
            <a:pPr defTabSz="14068">
              <a:lnSpc>
                <a:spcPts val="221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4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</a:t>
            </a:r>
            <a:r>
              <a:rPr lang="en-US" altLang="ko-KR" sz="474" dirty="0">
                <a:solidFill>
                  <a:srgbClr val="000000"/>
                </a:solidFill>
                <a:latin typeface="MS"/>
                <a:ea typeface="MS"/>
              </a:rPr>
              <a:t>至 焼津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474" dirty="0">
                <a:solidFill>
                  <a:srgbClr val="000000"/>
                </a:solidFill>
                <a:latin typeface="MS"/>
                <a:ea typeface="MS"/>
              </a:rPr>
              <a:t>至 静岡</a:t>
            </a:r>
            <a:endParaRPr lang="ko-KR" altLang="en-US" sz="474" dirty="0"/>
          </a:p>
          <a:p>
            <a:pPr defTabSz="14068">
              <a:lnSpc>
                <a:spcPts val="101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4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</a:t>
            </a:r>
            <a:r>
              <a:rPr lang="en-US" altLang="ko-KR" sz="474" dirty="0">
                <a:solidFill>
                  <a:srgbClr val="000000"/>
                </a:solidFill>
                <a:latin typeface="MS"/>
                <a:ea typeface="MS"/>
              </a:rPr>
              <a:t>カラーコーン</a:t>
            </a:r>
            <a:endParaRPr lang="ko-KR" altLang="en-US" sz="474" dirty="0"/>
          </a:p>
          <a:p>
            <a:pPr defTabSz="14068">
              <a:lnSpc>
                <a:spcPts val="738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4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</a:t>
            </a:r>
            <a:r>
              <a:rPr lang="en-US" altLang="ko-KR" sz="474" dirty="0">
                <a:solidFill>
                  <a:srgbClr val="000000"/>
                </a:solidFill>
                <a:latin typeface="MS"/>
                <a:ea typeface="MS"/>
              </a:rPr>
              <a:t>周辺監視員</a:t>
            </a:r>
            <a:endParaRPr lang="ko-KR" altLang="en-US" sz="474" dirty="0"/>
          </a:p>
        </p:txBody>
      </p:sp>
      <p:sp>
        <p:nvSpPr>
          <p:cNvPr id="5" name="Rect 3"/>
          <p:cNvSpPr>
            <a:spLocks noGrp="1" noChangeArrowheads="1"/>
          </p:cNvSpPr>
          <p:nvPr/>
        </p:nvSpPr>
        <p:spPr>
          <a:xfrm>
            <a:off x="8859716" y="6321083"/>
            <a:ext cx="201051" cy="174674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1385"/>
              </a:lnSpc>
            </a:pPr>
            <a:r>
              <a:rPr lang="en-US" altLang="ko-KR" sz="1384" dirty="0">
                <a:solidFill>
                  <a:srgbClr val="000000"/>
                </a:solidFill>
                <a:latin typeface="MS"/>
              </a:rPr>
              <a:t>24</a:t>
            </a:r>
            <a:endParaRPr lang="ko-KR" altLang="en-US" sz="1384" dirty="0"/>
          </a:p>
        </p:txBody>
      </p:sp>
      <p:sp>
        <p:nvSpPr>
          <p:cNvPr id="88" name="Rect 3"/>
          <p:cNvSpPr>
            <a:spLocks noGrp="1" noChangeArrowheads="1"/>
          </p:cNvSpPr>
          <p:nvPr/>
        </p:nvSpPr>
        <p:spPr>
          <a:xfrm>
            <a:off x="2602523" y="4295335"/>
            <a:ext cx="6106551" cy="2228557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FFFFFF"/>
                </a:solidFill>
                <a:latin typeface="MS"/>
                <a:ea typeface="MS"/>
              </a:rPr>
              <a:t>レーザー管理区域表示板</a:t>
            </a:r>
            <a:endParaRPr lang="ko-KR" altLang="en-US" sz="1108" dirty="0"/>
          </a:p>
          <a:p>
            <a:pPr defTabSz="14068">
              <a:lnSpc>
                <a:spcPts val="212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73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</a:t>
            </a:r>
            <a:r>
              <a:rPr lang="en-US" altLang="ko-KR" sz="631" dirty="0">
                <a:solidFill>
                  <a:srgbClr val="000000"/>
                </a:solidFill>
                <a:latin typeface="YuGothic"/>
                <a:ea typeface="YuGothic"/>
              </a:rPr>
              <a:t>（照射点から半径</a:t>
            </a:r>
            <a:r>
              <a:rPr lang="en-US" altLang="ko-KR" sz="631" dirty="0">
                <a:solidFill>
                  <a:srgbClr val="000000"/>
                </a:solidFill>
                <a:latin typeface="Calibri"/>
                <a:ea typeface="Calibri"/>
              </a:rPr>
              <a:t>3m</a:t>
            </a:r>
            <a:r>
              <a:rPr lang="en-US" altLang="ko-KR" sz="631" dirty="0">
                <a:solidFill>
                  <a:srgbClr val="000000"/>
                </a:solidFill>
                <a:latin typeface="YuGothic"/>
                <a:ea typeface="YuGothic"/>
              </a:rPr>
              <a:t>の範囲）</a:t>
            </a:r>
            <a:endParaRPr lang="ko-KR" altLang="en-US" sz="631" dirty="0"/>
          </a:p>
          <a:p>
            <a:pPr defTabSz="14068">
              <a:lnSpc>
                <a:spcPts val="609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462"/>
              </a:lnSpc>
            </a:pPr>
            <a:r>
              <a:rPr lang="en-US" altLang="ko-KR" sz="474" dirty="0">
                <a:solidFill>
                  <a:srgbClr val="000000"/>
                </a:solidFill>
                <a:latin typeface="MS"/>
                <a:ea typeface="MS"/>
              </a:rPr>
              <a:t>(全長 約15 m)</a:t>
            </a:r>
            <a:endParaRPr lang="ko-KR" altLang="en-US" sz="474" dirty="0"/>
          </a:p>
          <a:p>
            <a:pPr defTabSz="14068">
              <a:lnSpc>
                <a:spcPts val="4616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</a:t>
            </a:r>
            <a:r>
              <a:rPr lang="en-US" altLang="ko-KR" sz="1110" dirty="0">
                <a:solidFill>
                  <a:srgbClr val="000000"/>
                </a:solidFill>
                <a:latin typeface="MS"/>
                <a:ea typeface="MS"/>
              </a:rPr>
              <a:t>レーザー機器の取り扱いは、JIS C6802「レーザー製品の安全基準」</a:t>
            </a:r>
            <a:endParaRPr lang="ko-KR" altLang="en-US" sz="1110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000000"/>
                </a:solidFill>
                <a:latin typeface="MS"/>
                <a:ea typeface="MS"/>
              </a:rPr>
              <a:t>に従って行った。</a:t>
            </a:r>
            <a:endParaRPr lang="ko-KR" altLang="en-US" sz="1108" dirty="0"/>
          </a:p>
        </p:txBody>
      </p:sp>
      <p:sp>
        <p:nvSpPr>
          <p:cNvPr id="89" name="Rect 3"/>
          <p:cNvSpPr>
            <a:spLocks noGrp="1" noChangeArrowheads="1"/>
          </p:cNvSpPr>
          <p:nvPr/>
        </p:nvSpPr>
        <p:spPr>
          <a:xfrm>
            <a:off x="419100" y="3175781"/>
            <a:ext cx="8537331" cy="3283634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FFFFFF"/>
                </a:solidFill>
                <a:latin typeface="MS"/>
                <a:ea typeface="MS"/>
              </a:rPr>
              <a:t>1回のスキャン範囲</a:t>
            </a:r>
            <a:endParaRPr lang="ko-KR" altLang="en-US" sz="1108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FFFFFF"/>
                </a:solidFill>
                <a:latin typeface="MS"/>
                <a:ea typeface="MS"/>
              </a:rPr>
              <a:t>(0.3m〜0.5m)</a:t>
            </a:r>
            <a:endParaRPr lang="ko-KR" altLang="en-US" sz="1108" dirty="0"/>
          </a:p>
          <a:p>
            <a:pPr defTabSz="14068">
              <a:lnSpc>
                <a:spcPts val="166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10" dirty="0">
                <a:solidFill>
                  <a:srgbClr val="000000"/>
                </a:solidFill>
                <a:latin typeface="MS"/>
                <a:ea typeface="MS"/>
              </a:rPr>
              <a:t>吹き出しの反作用により、表面が押される（叩かれる）。</a:t>
            </a:r>
            <a:endParaRPr lang="ko-KR" altLang="en-US" sz="1110" dirty="0"/>
          </a:p>
          <a:p>
            <a:pPr defTabSz="14068">
              <a:lnSpc>
                <a:spcPts val="3600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385"/>
              </a:lnSpc>
            </a:pPr>
            <a:r>
              <a:rPr lang="en-US" altLang="ko-KR" sz="631" dirty="0">
                <a:solidFill>
                  <a:srgbClr val="000000"/>
                </a:solidFill>
                <a:latin typeface="MS"/>
              </a:rPr>
              <a:t>正面図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</a:t>
            </a:r>
            <a:r>
              <a:rPr lang="en-US" altLang="ko-KR" sz="710" dirty="0">
                <a:solidFill>
                  <a:srgbClr val="000000"/>
                </a:solidFill>
                <a:latin typeface="YuGothic"/>
                <a:ea typeface="YuGothic"/>
              </a:rPr>
              <a:t>レーザー</a:t>
            </a:r>
            <a:endParaRPr lang="ko-KR" altLang="en-US" sz="710" dirty="0"/>
          </a:p>
          <a:p>
            <a:pPr defTabSz="14068">
              <a:lnSpc>
                <a:spcPts val="277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</a:t>
            </a:r>
            <a:r>
              <a:rPr lang="en-US" altLang="ko-KR" sz="710" dirty="0">
                <a:solidFill>
                  <a:srgbClr val="000000"/>
                </a:solidFill>
                <a:latin typeface="YuGothic"/>
                <a:ea typeface="YuGothic"/>
              </a:rPr>
              <a:t>（出射⼝の⾼さは約</a:t>
            </a:r>
            <a:r>
              <a:rPr lang="en-US" altLang="ko-KR" sz="710" dirty="0">
                <a:solidFill>
                  <a:srgbClr val="000000"/>
                </a:solidFill>
                <a:latin typeface="Calibri"/>
                <a:ea typeface="Calibri"/>
              </a:rPr>
              <a:t>1.6m</a:t>
            </a:r>
            <a:r>
              <a:rPr lang="en-US" altLang="ko-KR" sz="710" dirty="0">
                <a:solidFill>
                  <a:srgbClr val="000000"/>
                </a:solidFill>
                <a:latin typeface="YuGothic"/>
                <a:ea typeface="YuGothic"/>
              </a:rPr>
              <a:t>）</a:t>
            </a:r>
            <a:endParaRPr lang="ko-KR" altLang="en-US" sz="710" dirty="0"/>
          </a:p>
          <a:p>
            <a:pPr defTabSz="14068">
              <a:lnSpc>
                <a:spcPts val="738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73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</a:t>
            </a:r>
            <a:r>
              <a:rPr lang="en-US" altLang="ko-KR" sz="631" dirty="0">
                <a:solidFill>
                  <a:srgbClr val="000000"/>
                </a:solidFill>
                <a:latin typeface="YuGothic"/>
                <a:ea typeface="YuGothic"/>
              </a:rPr>
              <a:t>散乱光がクラス</a:t>
            </a:r>
            <a:r>
              <a:rPr lang="en-US" altLang="ko-KR" sz="631" dirty="0">
                <a:solidFill>
                  <a:srgbClr val="000000"/>
                </a:solidFill>
                <a:latin typeface="Calibri"/>
                <a:ea typeface="Calibri"/>
              </a:rPr>
              <a:t>1</a:t>
            </a:r>
            <a:r>
              <a:rPr lang="en-US" altLang="ko-KR" sz="631" dirty="0">
                <a:solidFill>
                  <a:srgbClr val="000000"/>
                </a:solidFill>
                <a:latin typeface="YuGothic"/>
                <a:ea typeface="YuGothic"/>
              </a:rPr>
              <a:t>を超える範囲</a:t>
            </a:r>
            <a:endParaRPr lang="ko-KR" altLang="en-US" sz="631" dirty="0"/>
          </a:p>
          <a:p>
            <a:pPr defTabSz="14068">
              <a:lnSpc>
                <a:spcPts val="4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</a:t>
            </a:r>
            <a:r>
              <a:rPr lang="en-US" altLang="ko-KR" sz="723" dirty="0">
                <a:solidFill>
                  <a:srgbClr val="000000"/>
                </a:solidFill>
                <a:latin typeface="MS"/>
                <a:ea typeface="MS"/>
              </a:rPr>
              <a:t>4</a:t>
            </a:r>
            <a:endParaRPr lang="ko-KR" altLang="en-US" sz="723" dirty="0"/>
          </a:p>
          <a:p>
            <a:pPr defTabSz="14068">
              <a:lnSpc>
                <a:spcPts val="92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369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</a:t>
            </a:r>
            <a:r>
              <a:rPr lang="en-US" altLang="ko-KR" sz="723" dirty="0">
                <a:solidFill>
                  <a:srgbClr val="000000"/>
                </a:solidFill>
                <a:latin typeface="MS"/>
                <a:ea typeface="MS"/>
              </a:rPr>
              <a:t>8</a:t>
            </a:r>
            <a:endParaRPr lang="ko-KR" altLang="en-US" sz="723" dirty="0"/>
          </a:p>
          <a:p>
            <a:pPr defTabSz="14068">
              <a:lnSpc>
                <a:spcPts val="92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73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</a:t>
            </a:r>
            <a:r>
              <a:rPr lang="en-US" altLang="ko-KR" sz="710" dirty="0">
                <a:solidFill>
                  <a:srgbClr val="000000"/>
                </a:solidFill>
                <a:latin typeface="YuGothic"/>
                <a:ea typeface="YuGothic"/>
              </a:rPr>
              <a:t>レーザー管理区域</a:t>
            </a:r>
            <a:endParaRPr lang="ko-KR" altLang="en-US" sz="710" dirty="0"/>
          </a:p>
          <a:p>
            <a:pPr defTabSz="14068">
              <a:lnSpc>
                <a:spcPts val="831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73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710" dirty="0">
                <a:solidFill>
                  <a:srgbClr val="000000"/>
                </a:solidFill>
                <a:latin typeface="YuGothic"/>
                <a:ea typeface="YuGothic"/>
              </a:rPr>
              <a:t>保護眼鏡保護眼鏡</a:t>
            </a:r>
            <a:endParaRPr lang="ko-KR" altLang="en-US" sz="710" dirty="0"/>
          </a:p>
          <a:p>
            <a:pPr defTabSz="14068">
              <a:lnSpc>
                <a:spcPts val="2031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4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</a:t>
            </a:r>
            <a:r>
              <a:rPr lang="en-US" altLang="ko-KR" sz="474" dirty="0">
                <a:solidFill>
                  <a:srgbClr val="000000"/>
                </a:solidFill>
                <a:latin typeface="MS"/>
                <a:ea typeface="MS"/>
              </a:rPr>
              <a:t>車両の前後	 3 m</a:t>
            </a:r>
            <a:endParaRPr lang="ko-KR" altLang="en-US" sz="474" dirty="0"/>
          </a:p>
          <a:p>
            <a:pPr defTabSz="14068">
              <a:lnSpc>
                <a:spcPts val="277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646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</a:t>
            </a:r>
            <a:r>
              <a:rPr lang="en-US" altLang="ko-KR" sz="474" dirty="0">
                <a:solidFill>
                  <a:srgbClr val="000000"/>
                </a:solidFill>
                <a:latin typeface="MicrosoftJhengHeiBold"/>
                <a:ea typeface="MicrosoftJhengHeiBold"/>
              </a:rPr>
              <a:t>⾳⾞</a:t>
            </a:r>
            <a:endParaRPr lang="ko-KR" altLang="en-US" sz="474" dirty="0"/>
          </a:p>
          <a:p>
            <a:pPr defTabSz="14068">
              <a:lnSpc>
                <a:spcPts val="554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</a:t>
            </a:r>
            <a:r>
              <a:rPr lang="en-US" altLang="ko-KR" sz="551" b="1" dirty="0">
                <a:solidFill>
                  <a:srgbClr val="FF0000"/>
                </a:solidFill>
                <a:latin typeface="MS"/>
                <a:ea typeface="MS"/>
              </a:rPr>
              <a:t>レーザー</a:t>
            </a:r>
            <a:endParaRPr lang="ko-KR" altLang="en-US" sz="551" b="1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646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</a:t>
            </a:r>
            <a:r>
              <a:rPr lang="en-US" altLang="ko-KR" sz="474" dirty="0">
                <a:solidFill>
                  <a:srgbClr val="000000"/>
                </a:solidFill>
                <a:latin typeface="MicrosoftJhengHeiBold"/>
                <a:ea typeface="MicrosoftJhengHeiBold"/>
              </a:rPr>
              <a:t> ⾞</a:t>
            </a:r>
            <a:endParaRPr lang="ko-KR" altLang="en-US" sz="474" dirty="0"/>
          </a:p>
          <a:p>
            <a:pPr defTabSz="14068">
              <a:lnSpc>
                <a:spcPts val="332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554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</a:t>
            </a:r>
            <a:r>
              <a:rPr lang="en-US" altLang="ko-KR" sz="551" dirty="0">
                <a:solidFill>
                  <a:srgbClr val="000000"/>
                </a:solidFill>
                <a:latin typeface="MS"/>
                <a:ea typeface="MS"/>
              </a:rPr>
              <a:t>レーザー打音検査の作業エリア：S001〜S102</a:t>
            </a:r>
            <a:endParaRPr lang="ko-KR" altLang="en-US" sz="551" dirty="0"/>
          </a:p>
          <a:p>
            <a:pPr defTabSz="14068">
              <a:lnSpc>
                <a:spcPts val="36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554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</a:t>
            </a:r>
            <a:r>
              <a:rPr lang="en-US" altLang="ko-KR" sz="551" dirty="0">
                <a:solidFill>
                  <a:srgbClr val="000000"/>
                </a:solidFill>
                <a:latin typeface="YuGothic"/>
                <a:ea typeface="YuGothic"/>
              </a:rPr>
              <a:t>レーザー管理区域表⽰板</a:t>
            </a:r>
            <a:endParaRPr lang="ko-KR" altLang="en-US" sz="551" dirty="0"/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4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0" y="263769"/>
            <a:ext cx="9144001" cy="503507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103" name="Rect 3"/>
          <p:cNvSpPr>
            <a:spLocks noGrp="1" noChangeArrowheads="1"/>
          </p:cNvSpPr>
          <p:nvPr/>
        </p:nvSpPr>
        <p:spPr>
          <a:xfrm>
            <a:off x="1" y="263770"/>
            <a:ext cx="9167447" cy="6330462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25847"/>
              </a:lnSpc>
            </a:pPr>
            <a:endParaRPr lang="ko-KR" altLang="en-US" sz="877" dirty="0"/>
          </a:p>
          <a:p>
            <a:pPr defTabSz="14068">
              <a:lnSpc>
                <a:spcPts val="36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																						</a:t>
            </a:r>
            <a:r>
              <a:rPr lang="en-US" altLang="ko-KR" sz="3688" dirty="0">
                <a:solidFill>
                  <a:srgbClr val="4087C8"/>
                </a:solidFill>
                <a:latin typeface="HGPSoeiKakugothicUB"/>
                <a:ea typeface="HGPSoeiKakugothicUB"/>
              </a:rPr>
              <a:t>北杜市ＷＧ 現場試行の結果及び評価</a:t>
            </a:r>
            <a:endParaRPr lang="ko-KR" altLang="en-US" sz="3688" dirty="0"/>
          </a:p>
          <a:p>
            <a:pPr defTabSz="14068">
              <a:lnSpc>
                <a:spcPts val="4246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846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</a:t>
            </a:r>
            <a:r>
              <a:rPr lang="en-US" altLang="ko-KR" sz="1805" dirty="0">
                <a:solidFill>
                  <a:srgbClr val="898989"/>
                </a:solidFill>
                <a:latin typeface="MS"/>
                <a:ea typeface="MS"/>
              </a:rPr>
              <a:t>北杜市</a:t>
            </a:r>
            <a:endParaRPr lang="ko-KR" altLang="en-US" sz="1805" dirty="0"/>
          </a:p>
          <a:p>
            <a:pPr defTabSz="14068">
              <a:lnSpc>
                <a:spcPts val="1209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38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384" dirty="0">
                <a:solidFill>
                  <a:srgbClr val="000000"/>
                </a:solidFill>
                <a:latin typeface="MS"/>
                <a:ea typeface="MS"/>
              </a:rPr>
              <a:t>30</a:t>
            </a:r>
            <a:endParaRPr lang="ko-KR" altLang="en-US" sz="1384" dirty="0"/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3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0" y="263769"/>
            <a:ext cx="9144001" cy="50350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1713328" y="1833490"/>
            <a:ext cx="5717345" cy="4271303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62951" y="846406"/>
            <a:ext cx="8795238" cy="872197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112" name="Rect 3"/>
          <p:cNvSpPr>
            <a:spLocks noGrp="1" noChangeArrowheads="1"/>
          </p:cNvSpPr>
          <p:nvPr/>
        </p:nvSpPr>
        <p:spPr>
          <a:xfrm>
            <a:off x="1" y="263770"/>
            <a:ext cx="9167447" cy="6330462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646"/>
              </a:lnSpc>
            </a:pPr>
            <a:endParaRPr lang="ko-KR" altLang="en-US" sz="877" dirty="0"/>
          </a:p>
          <a:p>
            <a:pPr defTabSz="14068">
              <a:lnSpc>
                <a:spcPts val="221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</a:t>
            </a:r>
            <a:r>
              <a:rPr lang="en-US" altLang="ko-KR" sz="2215" dirty="0">
                <a:solidFill>
                  <a:srgbClr val="4087C8"/>
                </a:solidFill>
                <a:latin typeface="HGPSoeiKakugothicUB"/>
                <a:ea typeface="HGPSoeiKakugothicUB"/>
              </a:rPr>
              <a:t>技術概要</a:t>
            </a:r>
            <a:endParaRPr lang="ko-KR" altLang="en-US" sz="2215" dirty="0"/>
          </a:p>
          <a:p>
            <a:pPr defTabSz="14068">
              <a:lnSpc>
                <a:spcPts val="2400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6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</a:t>
            </a:r>
            <a:r>
              <a:rPr lang="en-US" altLang="ko-KR" sz="1662" dirty="0">
                <a:solidFill>
                  <a:srgbClr val="000000"/>
                </a:solidFill>
                <a:latin typeface="MS"/>
                <a:ea typeface="MS"/>
              </a:rPr>
              <a:t>○ スマートフォン等の小型機器を用いて、路面の性状を安価に検出する技術。</a:t>
            </a:r>
            <a:endParaRPr lang="ko-KR" altLang="en-US" sz="1662" dirty="0"/>
          </a:p>
          <a:p>
            <a:pPr defTabSz="14068">
              <a:lnSpc>
                <a:spcPts val="36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6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</a:t>
            </a:r>
            <a:r>
              <a:rPr lang="en-US" altLang="ko-KR" sz="1663" dirty="0">
                <a:solidFill>
                  <a:srgbClr val="000000"/>
                </a:solidFill>
                <a:latin typeface="MS"/>
                <a:ea typeface="MS"/>
              </a:rPr>
              <a:t>○ ①スマートフォンの加速度センサーを用いた平坦性（IRI）計測、②小型ビデオカメラの撮影画像</a:t>
            </a:r>
            <a:endParaRPr lang="ko-KR" altLang="en-US" sz="1663" dirty="0"/>
          </a:p>
          <a:p>
            <a:pPr defTabSz="14068">
              <a:lnSpc>
                <a:spcPts val="369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6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</a:t>
            </a:r>
            <a:r>
              <a:rPr lang="en-US" altLang="ko-KR" sz="1662" dirty="0">
                <a:solidFill>
                  <a:srgbClr val="000000"/>
                </a:solidFill>
                <a:latin typeface="MS"/>
                <a:ea typeface="MS"/>
              </a:rPr>
              <a:t>を用いたAI路面変状解析 を実施。</a:t>
            </a:r>
            <a:endParaRPr lang="ko-KR" altLang="en-US" sz="1662" dirty="0"/>
          </a:p>
          <a:p>
            <a:pPr defTabSz="14068">
              <a:lnSpc>
                <a:spcPts val="11446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01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975" dirty="0">
                <a:solidFill>
                  <a:srgbClr val="000000"/>
                </a:solidFill>
                <a:latin typeface="MS"/>
                <a:ea typeface="MS"/>
              </a:rPr>
              <a:t>※</a:t>
            </a:r>
            <a:endParaRPr lang="ko-KR" altLang="en-US" sz="975" dirty="0"/>
          </a:p>
          <a:p>
            <a:pPr defTabSz="14068">
              <a:lnSpc>
                <a:spcPts val="23447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831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</a:t>
            </a:r>
            <a:r>
              <a:rPr lang="en-US" altLang="ko-KR" sz="831" dirty="0">
                <a:solidFill>
                  <a:srgbClr val="000000"/>
                </a:solidFill>
                <a:latin typeface="MS"/>
                <a:ea typeface="MS"/>
              </a:rPr>
              <a:t>※ケニアでは現在、現地高速道路公社（KeNHA：Kenya National Highways </a:t>
            </a:r>
            <a:endParaRPr lang="ko-KR" altLang="en-US" sz="831" dirty="0"/>
          </a:p>
          <a:p>
            <a:pPr defTabSz="14068">
              <a:lnSpc>
                <a:spcPts val="185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831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</a:t>
            </a:r>
            <a:r>
              <a:rPr lang="en-US" altLang="ko-KR" sz="831" dirty="0">
                <a:solidFill>
                  <a:srgbClr val="000000"/>
                </a:solidFill>
                <a:latin typeface="MS"/>
                <a:ea typeface="MS"/>
              </a:rPr>
              <a:t>Authority）において年間道路調査への適用</a:t>
            </a:r>
            <a:endParaRPr lang="ko-KR" altLang="en-US" sz="831" dirty="0"/>
          </a:p>
        </p:txBody>
      </p:sp>
      <p:sp>
        <p:nvSpPr>
          <p:cNvPr id="4" name="Rect 3"/>
          <p:cNvSpPr>
            <a:spLocks noGrp="1" noChangeArrowheads="1"/>
          </p:cNvSpPr>
          <p:nvPr/>
        </p:nvSpPr>
        <p:spPr>
          <a:xfrm>
            <a:off x="8859716" y="6321083"/>
            <a:ext cx="201051" cy="174674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1385"/>
              </a:lnSpc>
            </a:pPr>
            <a:r>
              <a:rPr lang="en-US" altLang="ko-KR" sz="1384" dirty="0">
                <a:solidFill>
                  <a:srgbClr val="000000"/>
                </a:solidFill>
                <a:latin typeface="MS"/>
              </a:rPr>
              <a:t>34</a:t>
            </a:r>
            <a:endParaRPr lang="ko-KR" altLang="en-US" sz="1384" dirty="0"/>
          </a:p>
        </p:txBody>
      </p:sp>
      <p:sp>
        <p:nvSpPr>
          <p:cNvPr id="114" name="Rect 3"/>
          <p:cNvSpPr>
            <a:spLocks noGrp="1" noChangeArrowheads="1"/>
          </p:cNvSpPr>
          <p:nvPr/>
        </p:nvSpPr>
        <p:spPr>
          <a:xfrm>
            <a:off x="6530340" y="6194474"/>
            <a:ext cx="1444283" cy="208671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1662"/>
              </a:lnSpc>
            </a:pPr>
            <a:r>
              <a:rPr lang="en-US" altLang="ko-KR" sz="1295" dirty="0">
                <a:solidFill>
                  <a:srgbClr val="000000"/>
                </a:solidFill>
                <a:latin typeface="Meiryo UI"/>
              </a:rPr>
              <a:t>出所：SIP技術総覧</a:t>
            </a:r>
            <a:endParaRPr lang="ko-KR" altLang="en-US" sz="1295" dirty="0"/>
          </a:p>
        </p:txBody>
      </p:sp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1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0" y="263769"/>
            <a:ext cx="9144001" cy="50350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137747" y="834683"/>
            <a:ext cx="2042746" cy="343486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389771" y="1850488"/>
            <a:ext cx="2883877" cy="2161149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4" name="Picture 8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5013961" y="1850488"/>
            <a:ext cx="2880946" cy="2161149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5" name="Picture 8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1389771" y="4194517"/>
            <a:ext cx="2883877" cy="2160563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6" name="Picture 8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5013961" y="4194517"/>
            <a:ext cx="2880946" cy="2160563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120" name="Rect 3"/>
          <p:cNvSpPr>
            <a:spLocks noGrp="1" noChangeArrowheads="1"/>
          </p:cNvSpPr>
          <p:nvPr/>
        </p:nvSpPr>
        <p:spPr>
          <a:xfrm>
            <a:off x="1" y="263770"/>
            <a:ext cx="9167447" cy="6330462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646"/>
              </a:lnSpc>
            </a:pPr>
            <a:endParaRPr lang="ko-KR" altLang="en-US" sz="877" dirty="0"/>
          </a:p>
          <a:p>
            <a:pPr defTabSz="14068">
              <a:lnSpc>
                <a:spcPts val="221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</a:t>
            </a:r>
            <a:r>
              <a:rPr lang="en-US" altLang="ko-KR" sz="2215" dirty="0">
                <a:solidFill>
                  <a:srgbClr val="4087C8"/>
                </a:solidFill>
                <a:latin typeface="HGPSoeiKakugothicUB"/>
                <a:ea typeface="HGPSoeiKakugothicUB"/>
              </a:rPr>
              <a:t>現場試行結果</a:t>
            </a:r>
            <a:endParaRPr lang="ko-KR" altLang="en-US" sz="2215" dirty="0"/>
          </a:p>
          <a:p>
            <a:pPr defTabSz="14068">
              <a:lnSpc>
                <a:spcPts val="2308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6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</a:t>
            </a:r>
            <a:r>
              <a:rPr lang="en-US" altLang="ko-KR" sz="1662" dirty="0">
                <a:solidFill>
                  <a:srgbClr val="000000"/>
                </a:solidFill>
                <a:latin typeface="MS"/>
                <a:ea typeface="MS"/>
              </a:rPr>
              <a:t>①平坦性（IRI計測）</a:t>
            </a:r>
            <a:endParaRPr lang="ko-KR" altLang="en-US" sz="1662" dirty="0"/>
          </a:p>
          <a:p>
            <a:pPr defTabSz="14068">
              <a:lnSpc>
                <a:spcPts val="1846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6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</a:t>
            </a:r>
            <a:r>
              <a:rPr lang="en-US" altLang="ko-KR" sz="1662" dirty="0">
                <a:solidFill>
                  <a:srgbClr val="000000"/>
                </a:solidFill>
                <a:latin typeface="MS"/>
                <a:ea typeface="MS"/>
              </a:rPr>
              <a:t>〇機材のセッティング（12/4（金））</a:t>
            </a:r>
            <a:endParaRPr lang="ko-KR" altLang="en-US" sz="1662" dirty="0"/>
          </a:p>
          <a:p>
            <a:pPr defTabSz="14068">
              <a:lnSpc>
                <a:spcPts val="37386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38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384" dirty="0">
                <a:solidFill>
                  <a:srgbClr val="000000"/>
                </a:solidFill>
                <a:latin typeface="MS"/>
                <a:ea typeface="MS"/>
              </a:rPr>
              <a:t>37</a:t>
            </a:r>
            <a:endParaRPr lang="ko-KR" altLang="en-US" sz="1384" dirty="0"/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4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0" y="263769"/>
            <a:ext cx="9144001" cy="50350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137747" y="834683"/>
            <a:ext cx="2042746" cy="343486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1513450" y="2877429"/>
            <a:ext cx="5826955" cy="3277772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143" name="Rect 3"/>
          <p:cNvSpPr>
            <a:spLocks noGrp="1" noChangeArrowheads="1"/>
          </p:cNvSpPr>
          <p:nvPr/>
        </p:nvSpPr>
        <p:spPr>
          <a:xfrm>
            <a:off x="1" y="263770"/>
            <a:ext cx="9167447" cy="6330462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646"/>
              </a:lnSpc>
            </a:pPr>
            <a:endParaRPr lang="ko-KR" altLang="en-US" sz="877" dirty="0"/>
          </a:p>
          <a:p>
            <a:pPr defTabSz="14068">
              <a:lnSpc>
                <a:spcPts val="221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</a:t>
            </a:r>
            <a:r>
              <a:rPr lang="en-US" altLang="ko-KR" sz="2215" dirty="0">
                <a:solidFill>
                  <a:srgbClr val="4087C8"/>
                </a:solidFill>
                <a:latin typeface="HGPSoeiKakugothicUB"/>
                <a:ea typeface="HGPSoeiKakugothicUB"/>
              </a:rPr>
              <a:t>現場試行結果</a:t>
            </a:r>
            <a:endParaRPr lang="ko-KR" altLang="en-US" sz="2215" dirty="0"/>
          </a:p>
          <a:p>
            <a:pPr defTabSz="14068">
              <a:lnSpc>
                <a:spcPts val="2308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6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</a:t>
            </a:r>
            <a:r>
              <a:rPr lang="en-US" altLang="ko-KR" sz="1662" dirty="0">
                <a:solidFill>
                  <a:srgbClr val="000000"/>
                </a:solidFill>
                <a:latin typeface="MS"/>
                <a:ea typeface="MS"/>
              </a:rPr>
              <a:t>②AI路面変状解析</a:t>
            </a:r>
            <a:endParaRPr lang="ko-KR" altLang="en-US" sz="1662" dirty="0"/>
          </a:p>
          <a:p>
            <a:pPr defTabSz="14068">
              <a:lnSpc>
                <a:spcPts val="1846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6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</a:t>
            </a:r>
            <a:r>
              <a:rPr lang="en-US" altLang="ko-KR" sz="1662" dirty="0">
                <a:solidFill>
                  <a:srgbClr val="000000"/>
                </a:solidFill>
                <a:latin typeface="MS"/>
                <a:ea typeface="MS"/>
              </a:rPr>
              <a:t>〇実施結果</a:t>
            </a:r>
            <a:endParaRPr lang="ko-KR" altLang="en-US" sz="1662" dirty="0"/>
          </a:p>
          <a:p>
            <a:pPr defTabSz="14068">
              <a:lnSpc>
                <a:spcPts val="831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6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</a:t>
            </a:r>
            <a:r>
              <a:rPr lang="en-US" altLang="ko-KR" sz="1662" dirty="0">
                <a:solidFill>
                  <a:srgbClr val="000000"/>
                </a:solidFill>
                <a:latin typeface="MS"/>
                <a:ea typeface="MS"/>
              </a:rPr>
              <a:t>・ビデオカメラ画像から、線状ひびわれ（linear crack）・</a:t>
            </a:r>
            <a:r>
              <a:rPr lang="en-US" altLang="ko-KR" sz="1662" dirty="0" err="1">
                <a:solidFill>
                  <a:srgbClr val="000000"/>
                </a:solidFill>
                <a:latin typeface="MS"/>
                <a:ea typeface="MS"/>
              </a:rPr>
              <a:t>亀甲状クラック</a:t>
            </a:r>
            <a:endParaRPr lang="en-US" altLang="ko-KR" sz="1662" dirty="0">
              <a:solidFill>
                <a:srgbClr val="000000"/>
              </a:solidFill>
              <a:latin typeface="MS"/>
              <a:ea typeface="MS"/>
            </a:endParaRPr>
          </a:p>
          <a:p>
            <a:pPr defTabSz="14068">
              <a:lnSpc>
                <a:spcPts val="1662"/>
              </a:lnSpc>
            </a:pPr>
            <a:r>
              <a:rPr lang="ja-JP" altLang="en-US" sz="1662" dirty="0">
                <a:solidFill>
                  <a:srgbClr val="000000"/>
                </a:solidFill>
                <a:latin typeface="MS"/>
                <a:ea typeface="MS"/>
              </a:rPr>
              <a:t>　　　　</a:t>
            </a:r>
            <a:r>
              <a:rPr lang="en-US" altLang="ko-KR" sz="1662" dirty="0">
                <a:solidFill>
                  <a:srgbClr val="000000"/>
                </a:solidFill>
                <a:latin typeface="MS"/>
                <a:ea typeface="MS"/>
              </a:rPr>
              <a:t>（alligator crack）を検出。</a:t>
            </a:r>
            <a:endParaRPr lang="ko-KR" altLang="en-US" sz="1662" dirty="0"/>
          </a:p>
          <a:p>
            <a:pPr defTabSz="14068">
              <a:lnSpc>
                <a:spcPts val="92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66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</a:t>
            </a:r>
            <a:r>
              <a:rPr lang="en-US" altLang="ko-KR" sz="1662" dirty="0">
                <a:solidFill>
                  <a:srgbClr val="000000"/>
                </a:solidFill>
                <a:latin typeface="MS"/>
                <a:ea typeface="MS"/>
              </a:rPr>
              <a:t>・実証完了時には、ひびわれ画像を地図上でもマッピングすることが可能。</a:t>
            </a:r>
            <a:endParaRPr lang="ko-KR" altLang="en-US" sz="1662" dirty="0"/>
          </a:p>
          <a:p>
            <a:pPr defTabSz="14068">
              <a:lnSpc>
                <a:spcPts val="212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292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</a:t>
            </a:r>
            <a:r>
              <a:rPr lang="en-US" altLang="ko-KR" sz="1295" dirty="0">
                <a:solidFill>
                  <a:srgbClr val="000000"/>
                </a:solidFill>
                <a:latin typeface="MS"/>
                <a:ea typeface="MS"/>
              </a:rPr>
              <a:t>走行動画からのひびわれ検出結果</a:t>
            </a:r>
            <a:endParaRPr lang="ko-KR" altLang="en-US" sz="1295" dirty="0"/>
          </a:p>
          <a:p>
            <a:pPr defTabSz="14068">
              <a:lnSpc>
                <a:spcPts val="2889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385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384" dirty="0">
                <a:solidFill>
                  <a:srgbClr val="000000"/>
                </a:solidFill>
                <a:latin typeface="MS"/>
                <a:ea typeface="MS"/>
              </a:rPr>
              <a:t>41</a:t>
            </a:r>
            <a:endParaRPr lang="ko-KR" altLang="en-US" sz="1384" dirty="0"/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69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781929" y="1079696"/>
            <a:ext cx="7734886" cy="5081368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4840" y="407377"/>
            <a:ext cx="7906043" cy="27021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709246" y="762001"/>
            <a:ext cx="3702148" cy="202223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4" name="Picture 8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4631202" y="762001"/>
            <a:ext cx="3705078" cy="202223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168" name="Rect 3"/>
          <p:cNvSpPr>
            <a:spLocks noGrp="1" noChangeArrowheads="1"/>
          </p:cNvSpPr>
          <p:nvPr/>
        </p:nvSpPr>
        <p:spPr>
          <a:xfrm>
            <a:off x="1" y="263770"/>
            <a:ext cx="9167447" cy="6330462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4068">
              <a:lnSpc>
                <a:spcPts val="1385"/>
              </a:lnSpc>
            </a:pPr>
            <a:endParaRPr lang="ko-KR" altLang="en-US" sz="877" dirty="0"/>
          </a:p>
          <a:p>
            <a:pPr defTabSz="14068">
              <a:lnSpc>
                <a:spcPts val="1477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</a:rPr>
              <a:t>																																																									</a:t>
            </a:r>
            <a:r>
              <a:rPr lang="en-US" altLang="ko-KR" sz="1185" b="1" dirty="0">
                <a:solidFill>
                  <a:srgbClr val="FFFFFF"/>
                </a:solidFill>
                <a:latin typeface="Meiryo UI"/>
                <a:ea typeface="Meiryo UI"/>
              </a:rPr>
              <a:t>「インフラ維持管理における新技術導入の手引き（案）」 主な改訂箇所</a:t>
            </a:r>
            <a:endParaRPr lang="ko-KR" altLang="en-US" sz="1185" b="1" dirty="0"/>
          </a:p>
          <a:p>
            <a:pPr defTabSz="14068">
              <a:lnSpc>
                <a:spcPts val="831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477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</a:t>
            </a:r>
            <a:r>
              <a:rPr lang="en-US" altLang="ko-KR" sz="1185" dirty="0">
                <a:solidFill>
                  <a:srgbClr val="000000"/>
                </a:solidFill>
                <a:latin typeface="Meiryo UI"/>
                <a:ea typeface="Meiryo UI"/>
              </a:rPr>
              <a:t>「手引き（素案）」</a:t>
            </a: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85" dirty="0">
                <a:solidFill>
                  <a:srgbClr val="FFFFFF"/>
                </a:solidFill>
                <a:latin typeface="Meiryo UI"/>
                <a:ea typeface="Meiryo UI"/>
              </a:rPr>
              <a:t>「手引き（案）」</a:t>
            </a:r>
            <a:endParaRPr lang="ko-KR" altLang="en-US" sz="1185" dirty="0"/>
          </a:p>
          <a:p>
            <a:pPr defTabSz="14068">
              <a:lnSpc>
                <a:spcPts val="6923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919" b="1" dirty="0">
                <a:solidFill>
                  <a:srgbClr val="FF0000"/>
                </a:solidFill>
                <a:latin typeface="Meiryo UI"/>
                <a:ea typeface="Meiryo UI"/>
              </a:rPr>
              <a:t>タイトル・サブタイト</a:t>
            </a:r>
            <a:endParaRPr lang="ko-KR" altLang="en-US" sz="919" b="1" dirty="0"/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919" b="1" dirty="0">
                <a:solidFill>
                  <a:srgbClr val="FF0000"/>
                </a:solidFill>
                <a:latin typeface="Meiryo UI"/>
                <a:ea typeface="Meiryo UI"/>
              </a:rPr>
              <a:t>ルを手に取ってもら</a:t>
            </a:r>
            <a:endParaRPr lang="ko-KR" altLang="en-US" sz="919" b="1" dirty="0"/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919" b="1" dirty="0">
                <a:solidFill>
                  <a:srgbClr val="FF0000"/>
                </a:solidFill>
                <a:latin typeface="Meiryo UI"/>
                <a:ea typeface="Meiryo UI"/>
              </a:rPr>
              <a:t>いやすいように更新。</a:t>
            </a:r>
            <a:endParaRPr lang="ko-KR" altLang="en-US" sz="919" b="1" dirty="0"/>
          </a:p>
          <a:p>
            <a:pPr defTabSz="14068">
              <a:lnSpc>
                <a:spcPts val="1200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919" b="1" dirty="0">
                <a:solidFill>
                  <a:srgbClr val="FF0000"/>
                </a:solidFill>
                <a:latin typeface="Meiryo UI"/>
                <a:ea typeface="Meiryo UI"/>
              </a:rPr>
              <a:t>写真を追加</a:t>
            </a:r>
            <a:endParaRPr lang="ko-KR" altLang="en-US" sz="919" b="1" dirty="0"/>
          </a:p>
          <a:p>
            <a:pPr defTabSz="14068">
              <a:lnSpc>
                <a:spcPts val="30370"/>
              </a:lnSpc>
            </a:pPr>
            <a:endParaRPr lang="ko-KR" altLang="en-US" sz="877" dirty="0">
              <a:latin typeface="Arial"/>
              <a:ea typeface="Arial"/>
            </a:endParaRPr>
          </a:p>
          <a:p>
            <a:pPr defTabSz="14068">
              <a:lnSpc>
                <a:spcPts val="1108"/>
              </a:lnSpc>
            </a:pPr>
            <a:r>
              <a:rPr lang="en-US" altLang="ko-KR" sz="877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1108" dirty="0">
                <a:solidFill>
                  <a:srgbClr val="898989"/>
                </a:solidFill>
                <a:latin typeface="Calibri"/>
                <a:ea typeface="Calibri"/>
              </a:rPr>
              <a:t>48</a:t>
            </a:r>
            <a:endParaRPr lang="ko-KR" altLang="en-US" sz="1108" dirty="0"/>
          </a:p>
        </p:txBody>
      </p:sp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9090" name="タイトル 1">
            <a:extLst>
              <a:ext uri="{FF2B5EF4-FFF2-40B4-BE49-F238E27FC236}">
                <a16:creationId xmlns:a16="http://schemas.microsoft.com/office/drawing/2014/main" id="{260B3355-38AA-4716-8CAF-A6B4014AADF5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361950" y="136525"/>
            <a:ext cx="7886700" cy="1047750"/>
          </a:xfrm>
        </p:spPr>
        <p:txBody>
          <a:bodyPr/>
          <a:lstStyle/>
          <a:p>
            <a:r>
              <a:rPr lang="ja-JP" altLang="en-US" sz="4000" dirty="0"/>
              <a:t>実践で使うには実証が</a:t>
            </a:r>
            <a:r>
              <a:rPr lang="ja-JP" altLang="en-US" sz="4000"/>
              <a:t>必要！</a:t>
            </a:r>
            <a:endParaRPr lang="ja-JP" altLang="en-US" sz="4000" dirty="0"/>
          </a:p>
        </p:txBody>
      </p:sp>
      <p:sp>
        <p:nvSpPr>
          <p:cNvPr id="4" name="スライド番号プレースホルダー 3">
            <a:extLst>
              <a:ext uri="{FF2B5EF4-FFF2-40B4-BE49-F238E27FC236}">
                <a16:creationId xmlns:a16="http://schemas.microsoft.com/office/drawing/2014/main" id="{C6F17789-F4FD-4533-81A2-4647BB5A9B5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r>
              <a:rPr lang="en-US" altLang="ja-JP">
                <a:solidFill>
                  <a:srgbClr val="898989"/>
                </a:solidFill>
              </a:rPr>
              <a:t>-</a:t>
            </a:r>
            <a:fld id="{4285591C-346E-477E-9A7C-F1212D863AEA}" type="slidenum">
              <a:rPr lang="en-US" altLang="ja-JP">
                <a:solidFill>
                  <a:srgbClr val="898989"/>
                </a:solidFill>
              </a:rPr>
              <a:pPr/>
              <a:t>46</a:t>
            </a:fld>
            <a:r>
              <a:rPr lang="en-US" altLang="ja-JP">
                <a:solidFill>
                  <a:srgbClr val="898989"/>
                </a:solidFill>
              </a:rPr>
              <a:t>-</a:t>
            </a:r>
          </a:p>
        </p:txBody>
      </p:sp>
      <p:pic>
        <p:nvPicPr>
          <p:cNvPr id="89092" name="Picture 3" descr="D:\@@@@土研\業務フォルダ\RAIMS\04_WG2\@実験データ\写真\バックアップ\P5180120.JPG">
            <a:extLst>
              <a:ext uri="{FF2B5EF4-FFF2-40B4-BE49-F238E27FC236}">
                <a16:creationId xmlns:a16="http://schemas.microsoft.com/office/drawing/2014/main" id="{CE51131B-2D47-4192-A27B-E46CBA01ADB8}"/>
              </a:ext>
            </a:extLst>
          </p:cNvPr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307975" y="1268413"/>
            <a:ext cx="4214813" cy="3168650"/>
          </a:xfrm>
          <a:noFill/>
        </p:spPr>
      </p:pic>
      <p:pic>
        <p:nvPicPr>
          <p:cNvPr id="89093" name="図 5">
            <a:extLst>
              <a:ext uri="{FF2B5EF4-FFF2-40B4-BE49-F238E27FC236}">
                <a16:creationId xmlns:a16="http://schemas.microsoft.com/office/drawing/2014/main" id="{CDA1523A-2887-40DB-8D59-0E54BC57F0E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6463" y="4273550"/>
            <a:ext cx="4356100" cy="2447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9094" name="テキスト ボックス 6">
            <a:extLst>
              <a:ext uri="{FF2B5EF4-FFF2-40B4-BE49-F238E27FC236}">
                <a16:creationId xmlns:a16="http://schemas.microsoft.com/office/drawing/2014/main" id="{C198B28F-CBD0-425D-9469-DC346DF5DB8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716463" y="1412776"/>
            <a:ext cx="3982180" cy="23083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r>
              <a:rPr kumimoji="1" lang="ja-JP" altLang="en-US" sz="3600" dirty="0"/>
              <a:t>桁を実際に破壊し、</a:t>
            </a:r>
            <a:endParaRPr kumimoji="1" lang="en-US" altLang="ja-JP" sz="3600" dirty="0"/>
          </a:p>
          <a:p>
            <a:r>
              <a:rPr lang="ja-JP" altLang="en-US" sz="3600" dirty="0"/>
              <a:t>計測値を検証</a:t>
            </a:r>
            <a:endParaRPr lang="en-US" altLang="ja-JP" sz="3600" dirty="0"/>
          </a:p>
          <a:p>
            <a:r>
              <a:rPr kumimoji="1" lang="ja-JP" altLang="en-US" sz="3600" dirty="0"/>
              <a:t>（土木研究所）</a:t>
            </a:r>
            <a:endParaRPr kumimoji="1" lang="en-US" altLang="ja-JP" sz="3600" dirty="0"/>
          </a:p>
          <a:p>
            <a:endParaRPr kumimoji="1" lang="en-US" altLang="ja-JP" dirty="0"/>
          </a:p>
          <a:p>
            <a:endParaRPr kumimoji="1" lang="ja-JP" altLang="en-US" dirty="0"/>
          </a:p>
        </p:txBody>
      </p:sp>
      <p:sp>
        <p:nvSpPr>
          <p:cNvPr id="89095" name="テキスト ボックス 7">
            <a:extLst>
              <a:ext uri="{FF2B5EF4-FFF2-40B4-BE49-F238E27FC236}">
                <a16:creationId xmlns:a16="http://schemas.microsoft.com/office/drawing/2014/main" id="{23813229-672A-4AFE-AB40-C13DFF18636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07975" y="4712493"/>
            <a:ext cx="4049713" cy="17541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r>
              <a:rPr kumimoji="1" lang="ja-JP" altLang="en-US" sz="3600" dirty="0"/>
              <a:t>良い設計者とは、</a:t>
            </a:r>
            <a:endParaRPr kumimoji="1" lang="en-US" altLang="ja-JP" sz="3600" dirty="0"/>
          </a:p>
          <a:p>
            <a:r>
              <a:rPr kumimoji="1" lang="ja-JP" altLang="en-US" sz="3600" dirty="0"/>
              <a:t>壊れ方を知っている</a:t>
            </a:r>
            <a:endParaRPr kumimoji="1" lang="en-US" altLang="ja-JP" sz="3600" dirty="0"/>
          </a:p>
          <a:p>
            <a:endParaRPr kumimoji="1" lang="en-US" altLang="ja-JP" dirty="0"/>
          </a:p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640511429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>
            <a:spLocks noChangeArrowheads="1"/>
          </p:cNvSpPr>
          <p:nvPr/>
        </p:nvSpPr>
        <p:spPr bwMode="auto">
          <a:xfrm>
            <a:off x="31750" y="160338"/>
            <a:ext cx="8861425" cy="4333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11" tIns="45705" rIns="91411" bIns="45705" anchor="ctr"/>
          <a:lstStyle>
            <a:lvl1pPr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>
              <a:defRPr/>
            </a:pPr>
            <a:r>
              <a:rPr lang="ja-JP" altLang="en-US" sz="3200" dirty="0">
                <a:solidFill>
                  <a:srgbClr val="000000"/>
                </a:solidFill>
                <a:ea typeface="HGPｺﾞｼｯｸE" pitchFamily="50" charset="-128"/>
              </a:rPr>
              <a:t>その橋を残すなら、架替は必ず発生する</a:t>
            </a:r>
            <a:endParaRPr lang="en-US" altLang="ja-JP" sz="28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</p:txBody>
      </p:sp>
      <p:sp>
        <p:nvSpPr>
          <p:cNvPr id="11" name="Rectangle 17"/>
          <p:cNvSpPr>
            <a:spLocks noChangeArrowheads="1"/>
          </p:cNvSpPr>
          <p:nvPr/>
        </p:nvSpPr>
        <p:spPr bwMode="auto">
          <a:xfrm>
            <a:off x="31750" y="722313"/>
            <a:ext cx="8569325" cy="7588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342900" indent="-3429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1pPr>
            <a:lvl2pPr marL="742950" indent="-28575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2pPr>
            <a:lvl3pPr marL="11430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3pPr>
            <a:lvl4pPr marL="16002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4pPr>
            <a:lvl5pPr marL="2057400" indent="-228600" eaLnBrk="0" hangingPunct="0"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 sz="2400">
                <a:solidFill>
                  <a:schemeClr val="tx1"/>
                </a:solidFill>
                <a:latin typeface="Arial" charset="0"/>
                <a:ea typeface="ＭＳ Ｐゴシック" charset="-128"/>
              </a:defRPr>
            </a:lvl9pPr>
          </a:lstStyle>
          <a:p>
            <a:pPr marL="285750" indent="-285750" eaLnBrk="1" hangingPunct="1">
              <a:lnSpc>
                <a:spcPct val="80000"/>
              </a:lnSpc>
              <a:spcBef>
                <a:spcPct val="20000"/>
              </a:spcBef>
              <a:buFont typeface="Wingdings" panose="05000000000000000000" pitchFamily="2" charset="2"/>
              <a:buChar char="Ø"/>
              <a:defRPr/>
            </a:pPr>
            <a:r>
              <a:rPr lang="ja-JP" altLang="en-US" sz="2000" b="1" dirty="0">
                <a:solidFill>
                  <a:srgbClr val="FF0000"/>
                </a:solidFill>
                <a:latin typeface="HG丸ｺﾞｼｯｸM-PRO" pitchFamily="50" charset="-128"/>
                <a:ea typeface="HG丸ｺﾞｼｯｸM-PRO" pitchFamily="50" charset="-128"/>
              </a:rPr>
              <a:t>橋にだって寿命はある！</a:t>
            </a:r>
            <a:endParaRPr lang="en-US" altLang="ja-JP" sz="2000" b="1" dirty="0">
              <a:latin typeface="HG丸ｺﾞｼｯｸM-PRO" pitchFamily="50" charset="-128"/>
              <a:ea typeface="HG丸ｺﾞｼｯｸM-PRO" pitchFamily="50" charset="-128"/>
            </a:endParaRPr>
          </a:p>
          <a:p>
            <a:pPr marL="0" indent="0" eaLnBrk="1" hangingPunct="1">
              <a:lnSpc>
                <a:spcPct val="80000"/>
              </a:lnSpc>
              <a:spcBef>
                <a:spcPct val="20000"/>
              </a:spcBef>
              <a:defRPr/>
            </a:pPr>
            <a:r>
              <a:rPr lang="ja-JP" altLang="en-US" sz="2000" b="1" dirty="0">
                <a:latin typeface="HG丸ｺﾞｼｯｸM-PRO" pitchFamily="50" charset="-128"/>
                <a:ea typeface="HG丸ｺﾞｼｯｸM-PRO" pitchFamily="50" charset="-128"/>
              </a:rPr>
              <a:t>　　　⇒「長寿命計画」では抜け落ちている。</a:t>
            </a:r>
            <a:endParaRPr lang="en-US" altLang="ja-JP" sz="2000" b="1" dirty="0">
              <a:latin typeface="HG丸ｺﾞｼｯｸM-PRO" pitchFamily="50" charset="-128"/>
              <a:ea typeface="HG丸ｺﾞｼｯｸM-PRO" pitchFamily="50" charset="-128"/>
            </a:endParaRPr>
          </a:p>
          <a:p>
            <a:pPr marL="285750" indent="-285750" eaLnBrk="1" hangingPunct="1">
              <a:lnSpc>
                <a:spcPct val="80000"/>
              </a:lnSpc>
              <a:spcBef>
                <a:spcPct val="20000"/>
              </a:spcBef>
              <a:buFont typeface="Wingdings" panose="05000000000000000000" pitchFamily="2" charset="2"/>
              <a:buChar char="Ø"/>
              <a:defRPr/>
            </a:pPr>
            <a:r>
              <a:rPr lang="ja-JP" altLang="en-US" sz="2000" b="1" dirty="0">
                <a:latin typeface="HG丸ｺﾞｼｯｸM-PRO" pitchFamily="50" charset="-128"/>
                <a:ea typeface="HG丸ｺﾞｼｯｸM-PRO" pitchFamily="50" charset="-128"/>
              </a:rPr>
              <a:t>「</a:t>
            </a:r>
            <a:r>
              <a:rPr lang="ja-JP" altLang="en-US" sz="2000" b="1" dirty="0">
                <a:solidFill>
                  <a:srgbClr val="FF0000"/>
                </a:solidFill>
                <a:latin typeface="HG丸ｺﾞｼｯｸM-PRO" pitchFamily="50" charset="-128"/>
                <a:ea typeface="HG丸ｺﾞｼｯｸM-PRO" pitchFamily="50" charset="-128"/>
              </a:rPr>
              <a:t>架替えのマネジメント</a:t>
            </a:r>
            <a:r>
              <a:rPr lang="ja-JP" altLang="en-US" sz="2000" b="1" dirty="0">
                <a:latin typeface="HG丸ｺﾞｼｯｸM-PRO" pitchFamily="50" charset="-128"/>
                <a:ea typeface="HG丸ｺﾞｼｯｸM-PRO" pitchFamily="50" charset="-128"/>
              </a:rPr>
              <a:t>」を検討</a:t>
            </a:r>
            <a:endParaRPr lang="en-US" altLang="ja-JP" sz="2000" b="1" dirty="0">
              <a:latin typeface="HG丸ｺﾞｼｯｸM-PRO" pitchFamily="50" charset="-128"/>
              <a:ea typeface="HG丸ｺﾞｼｯｸM-PRO" pitchFamily="50" charset="-128"/>
            </a:endParaRPr>
          </a:p>
          <a:p>
            <a:pPr marL="0" indent="0" eaLnBrk="1" hangingPunct="1">
              <a:lnSpc>
                <a:spcPct val="80000"/>
              </a:lnSpc>
              <a:spcBef>
                <a:spcPct val="20000"/>
              </a:spcBef>
              <a:defRPr/>
            </a:pPr>
            <a:r>
              <a:rPr lang="ja-JP" altLang="en-US" sz="2000" b="1" dirty="0">
                <a:latin typeface="HG丸ｺﾞｼｯｸM-PRO" pitchFamily="50" charset="-128"/>
                <a:ea typeface="HG丸ｺﾞｼｯｸM-PRO" pitchFamily="50" charset="-128"/>
              </a:rPr>
              <a:t>　・リスク分析、財政シュミュレーション</a:t>
            </a:r>
            <a:endParaRPr lang="en-US" altLang="ja-JP" sz="2000" b="1" dirty="0">
              <a:latin typeface="HG丸ｺﾞｼｯｸM-PRO" pitchFamily="50" charset="-128"/>
              <a:ea typeface="HG丸ｺﾞｼｯｸM-PRO" pitchFamily="50" charset="-128"/>
            </a:endParaRPr>
          </a:p>
          <a:p>
            <a:pPr marL="0" indent="0" eaLnBrk="1" hangingPunct="1">
              <a:lnSpc>
                <a:spcPct val="80000"/>
              </a:lnSpc>
              <a:spcBef>
                <a:spcPct val="20000"/>
              </a:spcBef>
              <a:defRPr/>
            </a:pPr>
            <a:r>
              <a:rPr lang="en-US" altLang="ja-JP" sz="2000" b="1" dirty="0">
                <a:latin typeface="HG丸ｺﾞｼｯｸM-PRO" pitchFamily="50" charset="-128"/>
                <a:ea typeface="HG丸ｺﾞｼｯｸM-PRO" pitchFamily="50" charset="-128"/>
              </a:rPr>
              <a:t>    </a:t>
            </a:r>
          </a:p>
          <a:p>
            <a:pPr marL="0" indent="0" eaLnBrk="1" hangingPunct="1">
              <a:lnSpc>
                <a:spcPct val="80000"/>
              </a:lnSpc>
              <a:spcBef>
                <a:spcPct val="20000"/>
              </a:spcBef>
              <a:defRPr/>
            </a:pPr>
            <a:r>
              <a:rPr lang="ja-JP" altLang="en-US" sz="2000" b="1" dirty="0">
                <a:latin typeface="HG丸ｺﾞｼｯｸM-PRO" pitchFamily="50" charset="-128"/>
                <a:ea typeface="HG丸ｺﾞｼｯｸM-PRO" pitchFamily="50" charset="-128"/>
              </a:rPr>
              <a:t>　</a:t>
            </a:r>
            <a:r>
              <a:rPr lang="ja-JP" altLang="en-US" sz="2800" b="1" dirty="0">
                <a:latin typeface="HG丸ｺﾞｼｯｸM-PRO" pitchFamily="50" charset="-128"/>
                <a:ea typeface="HG丸ｺﾞｼｯｸM-PRO" pitchFamily="50" charset="-128"/>
              </a:rPr>
              <a:t>⇒「</a:t>
            </a:r>
            <a:r>
              <a:rPr lang="en-US" altLang="ja-JP" sz="2800" b="1" dirty="0">
                <a:latin typeface="HG丸ｺﾞｼｯｸM-PRO" pitchFamily="50" charset="-128"/>
                <a:ea typeface="HG丸ｺﾞｼｯｸM-PRO" pitchFamily="50" charset="-128"/>
              </a:rPr>
              <a:t>PPP/PFI</a:t>
            </a:r>
            <a:r>
              <a:rPr lang="ja-JP" altLang="en-US" sz="2800" b="1" dirty="0">
                <a:latin typeface="HG丸ｺﾞｼｯｸM-PRO" pitchFamily="50" charset="-128"/>
                <a:ea typeface="HG丸ｺﾞｼｯｸM-PRO" pitchFamily="50" charset="-128"/>
              </a:rPr>
              <a:t>」のチャンス</a:t>
            </a:r>
            <a:endParaRPr lang="en-US" altLang="ja-JP" sz="28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pic>
        <p:nvPicPr>
          <p:cNvPr id="57348" name="Picture 13" descr="\\toyama-city.local\17建設部\1708建設政策\s2\課共有２\01_画像等\03,計画係\橋梁\瓶岩橋\通行止\IMG_8803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74009" y="4216019"/>
            <a:ext cx="3446463" cy="21923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正方形/長方形 1"/>
          <p:cNvSpPr/>
          <p:nvPr/>
        </p:nvSpPr>
        <p:spPr>
          <a:xfrm>
            <a:off x="323528" y="4078229"/>
            <a:ext cx="5040560" cy="216059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80000"/>
              </a:lnSpc>
              <a:spcBef>
                <a:spcPct val="20000"/>
              </a:spcBef>
              <a:defRPr/>
            </a:pPr>
            <a:r>
              <a:rPr lang="ja-JP" altLang="en-US" b="1" dirty="0">
                <a:latin typeface="HG丸ｺﾞｼｯｸM-PRO" pitchFamily="50" charset="-128"/>
                <a:ea typeface="HG丸ｺﾞｼｯｸM-PRO" pitchFamily="50" charset="-128"/>
              </a:rPr>
              <a:t>・過積載に対する認識の甘さ</a:t>
            </a:r>
            <a:endParaRPr lang="en-US" altLang="ja-JP" b="1" dirty="0">
              <a:latin typeface="HG丸ｺﾞｼｯｸM-PRO" pitchFamily="50" charset="-128"/>
              <a:ea typeface="HG丸ｺﾞｼｯｸM-PRO" pitchFamily="50" charset="-128"/>
            </a:endParaRPr>
          </a:p>
          <a:p>
            <a:pPr>
              <a:lnSpc>
                <a:spcPct val="80000"/>
              </a:lnSpc>
              <a:spcBef>
                <a:spcPct val="20000"/>
              </a:spcBef>
              <a:defRPr/>
            </a:pPr>
            <a:r>
              <a:rPr lang="ja-JP" altLang="en-US" b="1" dirty="0">
                <a:latin typeface="HG丸ｺﾞｼｯｸM-PRO" pitchFamily="50" charset="-128"/>
                <a:ea typeface="HG丸ｺﾞｼｯｸM-PRO" pitchFamily="50" charset="-128"/>
              </a:rPr>
              <a:t>・荷重制限や用途変更の必要性</a:t>
            </a:r>
            <a:endParaRPr lang="en-US" altLang="ja-JP" b="1" dirty="0">
              <a:latin typeface="HG丸ｺﾞｼｯｸM-PRO" pitchFamily="50" charset="-128"/>
              <a:ea typeface="HG丸ｺﾞｼｯｸM-PRO" pitchFamily="50" charset="-128"/>
            </a:endParaRPr>
          </a:p>
          <a:p>
            <a:pPr>
              <a:lnSpc>
                <a:spcPct val="80000"/>
              </a:lnSpc>
              <a:spcBef>
                <a:spcPct val="20000"/>
              </a:spcBef>
              <a:defRPr/>
            </a:pPr>
            <a:endParaRPr lang="en-US" altLang="ja-JP" b="1" dirty="0">
              <a:latin typeface="HG丸ｺﾞｼｯｸM-PRO" pitchFamily="50" charset="-128"/>
              <a:ea typeface="HG丸ｺﾞｼｯｸM-PRO" pitchFamily="50" charset="-128"/>
            </a:endParaRPr>
          </a:p>
          <a:p>
            <a:pPr>
              <a:lnSpc>
                <a:spcPct val="80000"/>
              </a:lnSpc>
              <a:spcBef>
                <a:spcPct val="20000"/>
              </a:spcBef>
              <a:defRPr/>
            </a:pPr>
            <a:r>
              <a:rPr lang="ja-JP" altLang="en-US" sz="2800" b="1" dirty="0">
                <a:latin typeface="HG丸ｺﾞｼｯｸM-PRO" pitchFamily="50" charset="-128"/>
                <a:ea typeface="HG丸ｺﾞｼｯｸM-PRO" pitchFamily="50" charset="-128"/>
              </a:rPr>
              <a:t>“</a:t>
            </a:r>
            <a:r>
              <a:rPr lang="ja-JP" altLang="en-US" sz="2000" b="1" dirty="0">
                <a:latin typeface="HG丸ｺﾞｼｯｸM-PRO" pitchFamily="50" charset="-128"/>
                <a:ea typeface="HG丸ｺﾞｼｯｸM-PRO" pitchFamily="50" charset="-128"/>
              </a:rPr>
              <a:t>市道”としての役割と管理者の責任</a:t>
            </a:r>
            <a:endParaRPr lang="en-US" altLang="ja-JP" sz="2000" b="1" dirty="0">
              <a:latin typeface="HG丸ｺﾞｼｯｸM-PRO" pitchFamily="50" charset="-128"/>
              <a:ea typeface="HG丸ｺﾞｼｯｸM-PRO" pitchFamily="50" charset="-128"/>
            </a:endParaRPr>
          </a:p>
          <a:p>
            <a:pPr>
              <a:lnSpc>
                <a:spcPct val="80000"/>
              </a:lnSpc>
              <a:spcBef>
                <a:spcPct val="20000"/>
              </a:spcBef>
              <a:defRPr/>
            </a:pPr>
            <a:r>
              <a:rPr lang="ja-JP" altLang="en-US" sz="2800" b="1" dirty="0">
                <a:latin typeface="HG丸ｺﾞｼｯｸM-PRO" pitchFamily="50" charset="-128"/>
                <a:ea typeface="HG丸ｺﾞｼｯｸM-PRO" pitchFamily="50" charset="-128"/>
              </a:rPr>
              <a:t>　</a:t>
            </a:r>
            <a:endParaRPr lang="en-US" altLang="ja-JP" sz="2800" b="1" dirty="0">
              <a:latin typeface="HG丸ｺﾞｼｯｸM-PRO" pitchFamily="50" charset="-128"/>
              <a:ea typeface="HG丸ｺﾞｼｯｸM-PRO" pitchFamily="50" charset="-128"/>
            </a:endParaRPr>
          </a:p>
          <a:p>
            <a:pPr>
              <a:lnSpc>
                <a:spcPct val="80000"/>
              </a:lnSpc>
              <a:spcBef>
                <a:spcPct val="20000"/>
              </a:spcBef>
              <a:defRPr/>
            </a:pPr>
            <a:r>
              <a:rPr lang="ja-JP" altLang="en-US" sz="2800" b="1" dirty="0">
                <a:latin typeface="HG丸ｺﾞｼｯｸM-PRO" pitchFamily="50" charset="-128"/>
                <a:ea typeface="HG丸ｺﾞｼｯｸM-PRO" pitchFamily="50" charset="-128"/>
              </a:rPr>
              <a:t>⇒「包括管理」のチャンス</a:t>
            </a:r>
            <a:endParaRPr lang="en-US" altLang="ja-JP" sz="28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3" name="正方形/長方形 2"/>
          <p:cNvSpPr/>
          <p:nvPr/>
        </p:nvSpPr>
        <p:spPr>
          <a:xfrm>
            <a:off x="138485" y="3247232"/>
            <a:ext cx="5656263" cy="830997"/>
          </a:xfrm>
          <a:prstGeom prst="rect">
            <a:avLst/>
          </a:prstGeom>
        </p:spPr>
        <p:txBody>
          <a:bodyPr>
            <a:spAutoFit/>
          </a:bodyPr>
          <a:lstStyle/>
          <a:p>
            <a:pPr>
              <a:defRPr/>
            </a:pPr>
            <a:r>
              <a:rPr lang="ja-JP" altLang="en-US" sz="2400" dirty="0">
                <a:latin typeface="+mn-ea"/>
                <a:ea typeface="HGP創英角ﾎﾟｯﾌﾟ体" panose="040B0A00000000000000" pitchFamily="50" charset="-128"/>
              </a:rPr>
              <a:t>通行止めは、</a:t>
            </a:r>
            <a:endParaRPr lang="en-US" altLang="ja-JP" sz="2400" dirty="0">
              <a:latin typeface="+mn-ea"/>
              <a:ea typeface="HGP創英角ﾎﾟｯﾌﾟ体" panose="040B0A00000000000000" pitchFamily="50" charset="-128"/>
            </a:endParaRPr>
          </a:p>
          <a:p>
            <a:pPr>
              <a:defRPr/>
            </a:pPr>
            <a:r>
              <a:rPr lang="ja-JP" altLang="en-US" sz="2400" dirty="0">
                <a:latin typeface="+mn-ea"/>
                <a:ea typeface="HGP創英角ﾎﾟｯﾌﾟ体" panose="040B0A00000000000000" pitchFamily="50" charset="-128"/>
              </a:rPr>
              <a:t>ダメージコントロールとリスクマネジメント</a:t>
            </a:r>
            <a:endParaRPr lang="ja-JP" altLang="en-US" sz="24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</p:txBody>
      </p:sp>
      <p:pic>
        <p:nvPicPr>
          <p:cNvPr id="5735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" t="16476" r="-15" b="8540"/>
          <a:stretch>
            <a:fillRect/>
          </a:stretch>
        </p:blipFill>
        <p:spPr bwMode="auto">
          <a:xfrm>
            <a:off x="5535041" y="941770"/>
            <a:ext cx="3422650" cy="17002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435757445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ホームベース 4">
            <a:extLst>
              <a:ext uri="{FF2B5EF4-FFF2-40B4-BE49-F238E27FC236}">
                <a16:creationId xmlns:a16="http://schemas.microsoft.com/office/drawing/2014/main" id="{3921B4AF-07E6-42A8-BFFB-84C3901144AE}"/>
              </a:ext>
            </a:extLst>
          </p:cNvPr>
          <p:cNvSpPr/>
          <p:nvPr/>
        </p:nvSpPr>
        <p:spPr>
          <a:xfrm>
            <a:off x="114300" y="296863"/>
            <a:ext cx="9029700" cy="484187"/>
          </a:xfrm>
          <a:prstGeom prst="homePlat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/>
            </a:pPr>
            <a:endParaRPr lang="ja-JP" altLang="en-US"/>
          </a:p>
        </p:txBody>
      </p:sp>
      <p:sp>
        <p:nvSpPr>
          <p:cNvPr id="6" name="テキスト ボックス 3">
            <a:extLst>
              <a:ext uri="{FF2B5EF4-FFF2-40B4-BE49-F238E27FC236}">
                <a16:creationId xmlns:a16="http://schemas.microsoft.com/office/drawing/2014/main" id="{928710D2-4836-494E-BAFB-1F94AE688638}"/>
              </a:ext>
            </a:extLst>
          </p:cNvPr>
          <p:cNvSpPr txBox="1"/>
          <p:nvPr/>
        </p:nvSpPr>
        <p:spPr>
          <a:xfrm>
            <a:off x="136525" y="350838"/>
            <a:ext cx="8756650" cy="285750"/>
          </a:xfrm>
          <a:prstGeom prst="rect">
            <a:avLst/>
          </a:prstGeom>
          <a:solidFill>
            <a:schemeClr val="lt1"/>
          </a:solidFill>
          <a:ln w="6350">
            <a:solidFill>
              <a:prstClr val="black"/>
            </a:solidFill>
          </a:ln>
          <a:effectLst/>
        </p:spPr>
        <p:style>
          <a:lnRef idx="0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dk1"/>
          </a:fontRef>
        </p:style>
        <p:txBody>
          <a:bodyPr/>
          <a:lstStyle/>
          <a:p>
            <a:pPr indent="267970" algn="just">
              <a:spcAft>
                <a:spcPts val="0"/>
              </a:spcAft>
              <a:defRPr/>
            </a:pPr>
            <a:r>
              <a:rPr lang="ja-JP" sz="1050" b="1" kern="100" dirty="0">
                <a:ea typeface="ＭＳ ゴシック"/>
                <a:cs typeface="Times New Roman"/>
              </a:rPr>
              <a:t>２５　　　　　３０　　　　　　　　　　　</a:t>
            </a:r>
            <a:r>
              <a:rPr lang="ja-JP" altLang="en-US" sz="1050" b="1" kern="100" dirty="0">
                <a:ea typeface="ＭＳ ゴシック"/>
                <a:cs typeface="Times New Roman"/>
              </a:rPr>
              <a:t>　　　　　　　</a:t>
            </a:r>
            <a:r>
              <a:rPr lang="ja-JP" sz="1050" b="1" kern="100" dirty="0">
                <a:ea typeface="ＭＳ ゴシック"/>
                <a:cs typeface="Times New Roman"/>
              </a:rPr>
              <a:t>　　　</a:t>
            </a:r>
            <a:r>
              <a:rPr lang="ja-JP" altLang="en-US" sz="1050" b="1" kern="100" dirty="0">
                <a:ea typeface="ＭＳ ゴシック"/>
                <a:cs typeface="Times New Roman"/>
              </a:rPr>
              <a:t>４</a:t>
            </a:r>
            <a:r>
              <a:rPr lang="ja-JP" sz="1050" b="1" kern="100" dirty="0">
                <a:ea typeface="ＭＳ ゴシック"/>
                <a:cs typeface="Times New Roman"/>
              </a:rPr>
              <a:t>０　</a:t>
            </a:r>
            <a:r>
              <a:rPr lang="ja-JP" altLang="en-US" sz="1050" b="1" kern="100" dirty="0">
                <a:ea typeface="ＭＳ ゴシック"/>
                <a:cs typeface="Times New Roman"/>
              </a:rPr>
              <a:t>　　　</a:t>
            </a:r>
            <a:r>
              <a:rPr lang="ja-JP" sz="1050" b="1" kern="100" dirty="0">
                <a:ea typeface="ＭＳ ゴシック"/>
                <a:cs typeface="Times New Roman"/>
              </a:rPr>
              <a:t>　　　　　　　　</a:t>
            </a:r>
            <a:r>
              <a:rPr lang="ja-JP" altLang="en-US" sz="1050" b="1" kern="100" dirty="0">
                <a:ea typeface="ＭＳ ゴシック"/>
                <a:cs typeface="Times New Roman"/>
              </a:rPr>
              <a:t>　</a:t>
            </a:r>
            <a:r>
              <a:rPr lang="ja-JP" sz="1050" b="1" kern="100" dirty="0">
                <a:ea typeface="ＭＳ ゴシック"/>
                <a:cs typeface="Times New Roman"/>
              </a:rPr>
              <a:t>　　　　</a:t>
            </a:r>
            <a:r>
              <a:rPr lang="ja-JP" altLang="en-US" sz="1050" b="1" kern="100" dirty="0">
                <a:ea typeface="ＭＳ ゴシック"/>
                <a:cs typeface="Times New Roman"/>
              </a:rPr>
              <a:t>　　</a:t>
            </a:r>
            <a:r>
              <a:rPr lang="ja-JP" sz="1050" b="1" kern="100" dirty="0">
                <a:ea typeface="ＭＳ ゴシック"/>
                <a:cs typeface="Times New Roman"/>
              </a:rPr>
              <a:t>５０　　　　</a:t>
            </a:r>
            <a:r>
              <a:rPr lang="ja-JP" altLang="en-US" sz="1050" b="1" kern="100" dirty="0">
                <a:ea typeface="ＭＳ ゴシック"/>
                <a:cs typeface="Times New Roman"/>
              </a:rPr>
              <a:t>（</a:t>
            </a:r>
            <a:r>
              <a:rPr lang="ja-JP" sz="1050" b="1" kern="100" dirty="0">
                <a:ea typeface="ＭＳ ゴシック"/>
                <a:cs typeface="Times New Roman"/>
              </a:rPr>
              <a:t>年齢）</a:t>
            </a:r>
            <a:endParaRPr lang="ja-JP" sz="1050" kern="100" dirty="0">
              <a:ea typeface="ＭＳ 明朝"/>
              <a:cs typeface="Times New Roman"/>
            </a:endParaRPr>
          </a:p>
        </p:txBody>
      </p:sp>
      <p:sp>
        <p:nvSpPr>
          <p:cNvPr id="7" name="テキスト ボックス 2">
            <a:extLst>
              <a:ext uri="{FF2B5EF4-FFF2-40B4-BE49-F238E27FC236}">
                <a16:creationId xmlns:a16="http://schemas.microsoft.com/office/drawing/2014/main" id="{C8A48BB4-0ACF-426D-8918-5169082C7E74}"/>
              </a:ext>
            </a:extLst>
          </p:cNvPr>
          <p:cNvSpPr txBox="1"/>
          <p:nvPr/>
        </p:nvSpPr>
        <p:spPr>
          <a:xfrm>
            <a:off x="200025" y="836613"/>
            <a:ext cx="1390650" cy="504825"/>
          </a:xfrm>
          <a:prstGeom prst="rect">
            <a:avLst/>
          </a:prstGeom>
          <a:solidFill>
            <a:schemeClr val="lt1"/>
          </a:solidFill>
          <a:ln w="6350">
            <a:solidFill>
              <a:prstClr val="black"/>
            </a:solidFill>
          </a:ln>
          <a:effectLst/>
        </p:spPr>
        <p:style>
          <a:lnRef idx="0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/>
          <a:lstStyle/>
          <a:p>
            <a:pPr algn="just">
              <a:spcAft>
                <a:spcPts val="0"/>
              </a:spcAft>
              <a:defRPr/>
            </a:pPr>
            <a:r>
              <a:rPr lang="ja-JP" sz="1050" b="1" kern="100" dirty="0">
                <a:latin typeface="+mn-ea"/>
                <a:cs typeface="Times New Roman"/>
              </a:rPr>
              <a:t>橋梁メーカー</a:t>
            </a:r>
          </a:p>
          <a:p>
            <a:pPr algn="just">
              <a:spcAft>
                <a:spcPts val="0"/>
              </a:spcAft>
              <a:defRPr/>
            </a:pPr>
            <a:endParaRPr lang="ja-JP" sz="1050" b="1" kern="100" dirty="0">
              <a:ea typeface="ＭＳ 明朝"/>
              <a:cs typeface="Times New Roman"/>
            </a:endParaRPr>
          </a:p>
        </p:txBody>
      </p:sp>
      <p:sp>
        <p:nvSpPr>
          <p:cNvPr id="8" name="テキスト ボックス 5">
            <a:extLst>
              <a:ext uri="{FF2B5EF4-FFF2-40B4-BE49-F238E27FC236}">
                <a16:creationId xmlns:a16="http://schemas.microsoft.com/office/drawing/2014/main" id="{F6718D50-8DC5-4B70-9AE0-3C7D97BD635F}"/>
              </a:ext>
            </a:extLst>
          </p:cNvPr>
          <p:cNvSpPr txBox="1"/>
          <p:nvPr/>
        </p:nvSpPr>
        <p:spPr>
          <a:xfrm>
            <a:off x="1590675" y="836613"/>
            <a:ext cx="1492250" cy="504825"/>
          </a:xfrm>
          <a:prstGeom prst="rect">
            <a:avLst/>
          </a:prstGeom>
          <a:solidFill>
            <a:schemeClr val="lt1"/>
          </a:solidFill>
          <a:ln w="6350">
            <a:solidFill>
              <a:prstClr val="black"/>
            </a:solidFill>
          </a:ln>
          <a:effectLst/>
        </p:spPr>
        <p:style>
          <a:lnRef idx="0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/>
          <a:lstStyle/>
          <a:p>
            <a:pPr algn="just">
              <a:spcAft>
                <a:spcPts val="0"/>
              </a:spcAft>
              <a:defRPr/>
            </a:pPr>
            <a:r>
              <a:rPr lang="ja-JP" sz="1050" b="1" kern="100" dirty="0">
                <a:latin typeface="+mj-ea"/>
                <a:ea typeface="+mj-ea"/>
                <a:cs typeface="Times New Roman"/>
              </a:rPr>
              <a:t>建設コンサルタント</a:t>
            </a:r>
          </a:p>
          <a:p>
            <a:pPr algn="just">
              <a:spcAft>
                <a:spcPts val="0"/>
              </a:spcAft>
              <a:defRPr/>
            </a:pPr>
            <a:endParaRPr lang="ja-JP" sz="1050" b="1" kern="100" dirty="0">
              <a:ea typeface="ＭＳ 明朝"/>
              <a:cs typeface="Times New Roman"/>
            </a:endParaRPr>
          </a:p>
        </p:txBody>
      </p:sp>
      <p:sp>
        <p:nvSpPr>
          <p:cNvPr id="9" name="テキスト ボックス 6">
            <a:extLst>
              <a:ext uri="{FF2B5EF4-FFF2-40B4-BE49-F238E27FC236}">
                <a16:creationId xmlns:a16="http://schemas.microsoft.com/office/drawing/2014/main" id="{6DAAEACC-0632-4E57-92DE-180B2A4B17CB}"/>
              </a:ext>
            </a:extLst>
          </p:cNvPr>
          <p:cNvSpPr txBox="1"/>
          <p:nvPr/>
        </p:nvSpPr>
        <p:spPr>
          <a:xfrm>
            <a:off x="3086100" y="836613"/>
            <a:ext cx="1714500" cy="504825"/>
          </a:xfrm>
          <a:prstGeom prst="rect">
            <a:avLst/>
          </a:prstGeom>
          <a:solidFill>
            <a:schemeClr val="lt1"/>
          </a:solidFill>
          <a:ln w="6350">
            <a:solidFill>
              <a:prstClr val="black"/>
            </a:solidFill>
          </a:ln>
          <a:effectLst/>
        </p:spPr>
        <p:style>
          <a:lnRef idx="0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/>
          <a:lstStyle/>
          <a:p>
            <a:pPr algn="just">
              <a:spcAft>
                <a:spcPts val="0"/>
              </a:spcAft>
              <a:defRPr/>
            </a:pPr>
            <a:r>
              <a:rPr lang="ja-JP" altLang="en-US" sz="1050" b="1" kern="100" dirty="0">
                <a:ea typeface="ＭＳ 明朝"/>
                <a:cs typeface="Times New Roman"/>
              </a:rPr>
              <a:t>国交省　財団</a:t>
            </a:r>
            <a:endParaRPr lang="ja-JP" sz="1050" b="1" kern="100" dirty="0">
              <a:ea typeface="ＭＳ 明朝"/>
              <a:cs typeface="Times New Roman"/>
            </a:endParaRPr>
          </a:p>
        </p:txBody>
      </p:sp>
      <p:sp>
        <p:nvSpPr>
          <p:cNvPr id="10" name="テキスト ボックス 8">
            <a:extLst>
              <a:ext uri="{FF2B5EF4-FFF2-40B4-BE49-F238E27FC236}">
                <a16:creationId xmlns:a16="http://schemas.microsoft.com/office/drawing/2014/main" id="{12E64EDE-A48B-481B-B56B-5B0F534BE32F}"/>
              </a:ext>
            </a:extLst>
          </p:cNvPr>
          <p:cNvSpPr txBox="1"/>
          <p:nvPr/>
        </p:nvSpPr>
        <p:spPr>
          <a:xfrm>
            <a:off x="4765675" y="846138"/>
            <a:ext cx="1390650" cy="504825"/>
          </a:xfrm>
          <a:prstGeom prst="rect">
            <a:avLst/>
          </a:prstGeom>
          <a:solidFill>
            <a:schemeClr val="lt1"/>
          </a:solidFill>
          <a:ln w="6350">
            <a:solidFill>
              <a:prstClr val="black"/>
            </a:solidFill>
          </a:ln>
          <a:effectLst/>
        </p:spPr>
        <p:style>
          <a:lnRef idx="0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/>
          <a:lstStyle/>
          <a:p>
            <a:pPr algn="just">
              <a:spcAft>
                <a:spcPts val="0"/>
              </a:spcAft>
              <a:defRPr/>
            </a:pPr>
            <a:r>
              <a:rPr lang="ja-JP" altLang="en-US" sz="1050" b="1" kern="100" dirty="0">
                <a:latin typeface="+mj-ea"/>
                <a:ea typeface="+mj-ea"/>
                <a:cs typeface="Times New Roman"/>
              </a:rPr>
              <a:t>韓国</a:t>
            </a:r>
            <a:endParaRPr lang="en-US" altLang="ja-JP" sz="1050" b="1" kern="100" dirty="0">
              <a:latin typeface="+mj-ea"/>
              <a:ea typeface="+mj-ea"/>
              <a:cs typeface="Times New Roman"/>
            </a:endParaRPr>
          </a:p>
          <a:p>
            <a:pPr algn="just">
              <a:spcAft>
                <a:spcPts val="0"/>
              </a:spcAft>
              <a:defRPr/>
            </a:pPr>
            <a:endParaRPr lang="ja-JP" sz="1050" b="1" kern="100" dirty="0">
              <a:ea typeface="ＭＳ 明朝"/>
              <a:cs typeface="Times New Roman"/>
            </a:endParaRPr>
          </a:p>
        </p:txBody>
      </p:sp>
      <p:sp>
        <p:nvSpPr>
          <p:cNvPr id="11" name="テキスト ボックス 9">
            <a:extLst>
              <a:ext uri="{FF2B5EF4-FFF2-40B4-BE49-F238E27FC236}">
                <a16:creationId xmlns:a16="http://schemas.microsoft.com/office/drawing/2014/main" id="{C7B589F9-78A7-45EA-BD30-E80C7CA360A0}"/>
              </a:ext>
            </a:extLst>
          </p:cNvPr>
          <p:cNvSpPr txBox="1"/>
          <p:nvPr/>
        </p:nvSpPr>
        <p:spPr>
          <a:xfrm>
            <a:off x="6134100" y="825500"/>
            <a:ext cx="1123950" cy="514350"/>
          </a:xfrm>
          <a:prstGeom prst="rect">
            <a:avLst/>
          </a:prstGeom>
          <a:solidFill>
            <a:schemeClr val="lt1"/>
          </a:solidFill>
          <a:ln w="6350">
            <a:solidFill>
              <a:prstClr val="black"/>
            </a:solidFill>
          </a:ln>
          <a:effectLst/>
        </p:spPr>
        <p:style>
          <a:lnRef idx="0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/>
          <a:lstStyle/>
          <a:p>
            <a:pPr algn="just">
              <a:spcAft>
                <a:spcPts val="0"/>
              </a:spcAft>
              <a:defRPr/>
            </a:pPr>
            <a:r>
              <a:rPr lang="ja-JP" altLang="en-US" sz="1050" b="1" kern="100" dirty="0">
                <a:ea typeface="ＭＳ 明朝"/>
                <a:cs typeface="Times New Roman"/>
              </a:rPr>
              <a:t>国交省　財団</a:t>
            </a:r>
            <a:endParaRPr lang="en-US" altLang="ja-JP" sz="1050" b="1" kern="100" dirty="0">
              <a:ea typeface="ＭＳ 明朝"/>
              <a:cs typeface="Times New Roman"/>
            </a:endParaRPr>
          </a:p>
          <a:p>
            <a:pPr algn="just">
              <a:spcAft>
                <a:spcPts val="0"/>
              </a:spcAft>
              <a:defRPr/>
            </a:pPr>
            <a:r>
              <a:rPr lang="ja-JP" altLang="en-US" sz="1050" b="1" kern="100" dirty="0">
                <a:ea typeface="ＭＳ 明朝"/>
                <a:cs typeface="Times New Roman"/>
              </a:rPr>
              <a:t>建設ｺﾝｻﾙﾀﾝﾄ</a:t>
            </a:r>
            <a:endParaRPr lang="ja-JP" sz="1050" b="1" kern="100" dirty="0">
              <a:ea typeface="ＭＳ 明朝"/>
              <a:cs typeface="Times New Roman"/>
            </a:endParaRPr>
          </a:p>
        </p:txBody>
      </p:sp>
      <p:sp>
        <p:nvSpPr>
          <p:cNvPr id="12" name="テキスト ボックス 10">
            <a:extLst>
              <a:ext uri="{FF2B5EF4-FFF2-40B4-BE49-F238E27FC236}">
                <a16:creationId xmlns:a16="http://schemas.microsoft.com/office/drawing/2014/main" id="{C5F581B1-0CAD-47E2-B4F7-B41D9EB6E7CF}"/>
              </a:ext>
            </a:extLst>
          </p:cNvPr>
          <p:cNvSpPr txBox="1"/>
          <p:nvPr/>
        </p:nvSpPr>
        <p:spPr>
          <a:xfrm>
            <a:off x="7258050" y="795338"/>
            <a:ext cx="1104900" cy="552450"/>
          </a:xfrm>
          <a:prstGeom prst="rect">
            <a:avLst/>
          </a:prstGeom>
          <a:solidFill>
            <a:schemeClr val="lt1"/>
          </a:solidFill>
          <a:ln w="6350">
            <a:solidFill>
              <a:prstClr val="black"/>
            </a:solidFill>
          </a:ln>
          <a:effectLst/>
        </p:spPr>
        <p:style>
          <a:lnRef idx="0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/>
          <a:lstStyle/>
          <a:p>
            <a:pPr algn="just">
              <a:spcAft>
                <a:spcPts val="0"/>
              </a:spcAft>
              <a:defRPr/>
            </a:pPr>
            <a:r>
              <a:rPr lang="ja-JP" altLang="en-US" sz="1050" b="1" kern="100" dirty="0">
                <a:latin typeface="+mj-ea"/>
                <a:ea typeface="+mj-ea"/>
                <a:cs typeface="Times New Roman"/>
              </a:rPr>
              <a:t>非破壊検査会社</a:t>
            </a:r>
            <a:endParaRPr lang="en-US" altLang="ja-JP" sz="1050" b="1" kern="100" dirty="0">
              <a:latin typeface="+mj-ea"/>
              <a:ea typeface="+mj-ea"/>
              <a:cs typeface="Times New Roman"/>
            </a:endParaRPr>
          </a:p>
          <a:p>
            <a:pPr algn="just">
              <a:spcAft>
                <a:spcPts val="0"/>
              </a:spcAft>
              <a:defRPr/>
            </a:pPr>
            <a:r>
              <a:rPr lang="ja-JP" altLang="en-US" sz="1050" b="1" kern="100" dirty="0">
                <a:latin typeface="+mj-ea"/>
                <a:ea typeface="+mj-ea"/>
                <a:cs typeface="Times New Roman"/>
              </a:rPr>
              <a:t>外資系ｺﾝｻﾙﾀﾝﾄ</a:t>
            </a:r>
            <a:endParaRPr lang="en-US" altLang="ja-JP" sz="1050" b="1" kern="100" dirty="0">
              <a:ea typeface="ＭＳ 明朝"/>
              <a:cs typeface="Times New Roman"/>
            </a:endParaRPr>
          </a:p>
          <a:p>
            <a:pPr algn="just">
              <a:spcAft>
                <a:spcPts val="0"/>
              </a:spcAft>
              <a:defRPr/>
            </a:pPr>
            <a:r>
              <a:rPr lang="ja-JP" altLang="en-US" sz="1050" b="1" kern="100" dirty="0">
                <a:latin typeface="+mj-ea"/>
                <a:ea typeface="+mj-ea"/>
                <a:cs typeface="Times New Roman"/>
              </a:rPr>
              <a:t>社団法人立上げ</a:t>
            </a:r>
            <a:endParaRPr lang="en-US" altLang="ja-JP" sz="1050" b="1" kern="100" dirty="0">
              <a:latin typeface="+mj-ea"/>
              <a:ea typeface="+mj-ea"/>
              <a:cs typeface="Times New Roman"/>
            </a:endParaRPr>
          </a:p>
          <a:p>
            <a:pPr algn="just">
              <a:spcAft>
                <a:spcPts val="0"/>
              </a:spcAft>
              <a:defRPr/>
            </a:pPr>
            <a:endParaRPr lang="ja-JP" sz="1050" b="1" kern="100" dirty="0">
              <a:latin typeface="+mj-ea"/>
              <a:ea typeface="+mj-ea"/>
              <a:cs typeface="Times New Roman"/>
            </a:endParaRPr>
          </a:p>
        </p:txBody>
      </p:sp>
      <p:sp>
        <p:nvSpPr>
          <p:cNvPr id="16" name="テキスト ボックス 14">
            <a:extLst>
              <a:ext uri="{FF2B5EF4-FFF2-40B4-BE49-F238E27FC236}">
                <a16:creationId xmlns:a16="http://schemas.microsoft.com/office/drawing/2014/main" id="{8F56204D-3A6F-40B7-804C-2BE314723E1E}"/>
              </a:ext>
            </a:extLst>
          </p:cNvPr>
          <p:cNvSpPr txBox="1"/>
          <p:nvPr/>
        </p:nvSpPr>
        <p:spPr>
          <a:xfrm>
            <a:off x="784225" y="2692400"/>
            <a:ext cx="8237538" cy="368300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/>
          <a:lstStyle/>
          <a:p>
            <a:pPr algn="just">
              <a:spcAft>
                <a:spcPts val="0"/>
              </a:spcAft>
              <a:defRPr/>
            </a:pPr>
            <a:r>
              <a:rPr lang="ja-JP" sz="1600" b="1" kern="100" dirty="0">
                <a:ea typeface="AR丸ゴシック体M"/>
                <a:cs typeface="Times New Roman"/>
              </a:rPr>
              <a:t>橋梁自動設計</a:t>
            </a:r>
            <a:r>
              <a:rPr lang="ja-JP" altLang="en-US" sz="1600" b="1" kern="100" dirty="0">
                <a:ea typeface="AR丸ゴシック体M"/>
                <a:cs typeface="Times New Roman"/>
              </a:rPr>
              <a:t>・</a:t>
            </a:r>
            <a:r>
              <a:rPr lang="en-US" sz="1600" b="1" kern="100" dirty="0">
                <a:ea typeface="AR丸ゴシック体M"/>
                <a:cs typeface="Times New Roman"/>
              </a:rPr>
              <a:t>CAD/CAM</a:t>
            </a:r>
            <a:r>
              <a:rPr lang="ja-JP" sz="1600" b="1" kern="100" dirty="0">
                <a:ea typeface="AR丸ゴシック体M"/>
                <a:cs typeface="Times New Roman"/>
              </a:rPr>
              <a:t>等　システム開発</a:t>
            </a:r>
            <a:endParaRPr lang="ja-JP" sz="1600" kern="100" dirty="0">
              <a:ea typeface="ＭＳ 明朝"/>
              <a:cs typeface="Times New Roman"/>
            </a:endParaRPr>
          </a:p>
        </p:txBody>
      </p:sp>
      <p:sp>
        <p:nvSpPr>
          <p:cNvPr id="17" name="テキスト ボックス 15">
            <a:extLst>
              <a:ext uri="{FF2B5EF4-FFF2-40B4-BE49-F238E27FC236}">
                <a16:creationId xmlns:a16="http://schemas.microsoft.com/office/drawing/2014/main" id="{E09961F6-6B22-471D-B9BF-8067FE4291A3}"/>
              </a:ext>
            </a:extLst>
          </p:cNvPr>
          <p:cNvSpPr txBox="1"/>
          <p:nvPr/>
        </p:nvSpPr>
        <p:spPr>
          <a:xfrm>
            <a:off x="3082924" y="2197100"/>
            <a:ext cx="4327525" cy="382588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/>
          <a:lstStyle/>
          <a:p>
            <a:pPr algn="just">
              <a:spcAft>
                <a:spcPts val="0"/>
              </a:spcAft>
              <a:defRPr/>
            </a:pPr>
            <a:r>
              <a:rPr lang="ja-JP" altLang="en-US" b="1" kern="100" dirty="0">
                <a:ea typeface="AR丸ゴシック体M"/>
                <a:cs typeface="Times New Roman"/>
              </a:rPr>
              <a:t>施工新技術総合プロジェクト（自動化）</a:t>
            </a:r>
            <a:endParaRPr lang="ja-JP" sz="1050" kern="100" dirty="0">
              <a:ea typeface="ＭＳ 明朝"/>
              <a:cs typeface="Times New Roman"/>
            </a:endParaRPr>
          </a:p>
        </p:txBody>
      </p:sp>
      <p:sp>
        <p:nvSpPr>
          <p:cNvPr id="19" name="テキスト ボックス 17">
            <a:extLst>
              <a:ext uri="{FF2B5EF4-FFF2-40B4-BE49-F238E27FC236}">
                <a16:creationId xmlns:a16="http://schemas.microsoft.com/office/drawing/2014/main" id="{FE13C832-DD72-4390-A9C9-E3B4FA226045}"/>
              </a:ext>
            </a:extLst>
          </p:cNvPr>
          <p:cNvSpPr txBox="1"/>
          <p:nvPr/>
        </p:nvSpPr>
        <p:spPr>
          <a:xfrm>
            <a:off x="784225" y="1714500"/>
            <a:ext cx="6654800" cy="374650"/>
          </a:xfrm>
          <a:prstGeom prst="rect">
            <a:avLst/>
          </a:prstGeom>
          <a:solidFill>
            <a:srgbClr val="FF0000"/>
          </a:solidFill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/>
          <a:lstStyle/>
          <a:p>
            <a:pPr algn="just">
              <a:spcAft>
                <a:spcPts val="0"/>
              </a:spcAft>
              <a:defRPr/>
            </a:pPr>
            <a:r>
              <a:rPr lang="ja-JP" altLang="en-US" b="1" kern="100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/>
              </a:rPr>
              <a:t>構造物標準化</a:t>
            </a:r>
            <a:r>
              <a:rPr lang="en-US" altLang="ja-JP" b="1" kern="100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/>
              </a:rPr>
              <a:t>/</a:t>
            </a:r>
            <a:r>
              <a:rPr lang="ja-JP" altLang="en-US" b="1" kern="100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/>
              </a:rPr>
              <a:t>構造物省力化</a:t>
            </a:r>
            <a:r>
              <a:rPr lang="en-US" altLang="ja-JP" b="1" kern="100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/>
              </a:rPr>
              <a:t>/</a:t>
            </a:r>
            <a:r>
              <a:rPr lang="ja-JP" altLang="en-US" b="1" kern="100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/>
              </a:rPr>
              <a:t>コスト縮減</a:t>
            </a:r>
            <a:endParaRPr lang="ja-JP" b="1" kern="100" dirty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/>
            </a:endParaRPr>
          </a:p>
        </p:txBody>
      </p:sp>
      <p:sp>
        <p:nvSpPr>
          <p:cNvPr id="25" name="テキスト ボックス 22">
            <a:extLst>
              <a:ext uri="{FF2B5EF4-FFF2-40B4-BE49-F238E27FC236}">
                <a16:creationId xmlns:a16="http://schemas.microsoft.com/office/drawing/2014/main" id="{FC95B46C-9E85-4DBC-AD6F-D1FEBEE3D513}"/>
              </a:ext>
            </a:extLst>
          </p:cNvPr>
          <p:cNvSpPr txBox="1"/>
          <p:nvPr/>
        </p:nvSpPr>
        <p:spPr>
          <a:xfrm>
            <a:off x="3086100" y="3289300"/>
            <a:ext cx="1644650" cy="51435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/>
          <a:lstStyle/>
          <a:p>
            <a:pPr algn="just">
              <a:spcAft>
                <a:spcPts val="0"/>
              </a:spcAft>
              <a:defRPr/>
            </a:pPr>
            <a:r>
              <a:rPr lang="ja-JP" sz="1600" b="1" kern="100" dirty="0">
                <a:ea typeface="AR丸ゴシック体M"/>
                <a:cs typeface="Times New Roman"/>
              </a:rPr>
              <a:t>技術審査証明</a:t>
            </a:r>
            <a:endParaRPr lang="en-US" altLang="ja-JP" sz="1600" b="1" kern="100" dirty="0">
              <a:ea typeface="AR丸ゴシック体M"/>
              <a:cs typeface="Times New Roman"/>
            </a:endParaRPr>
          </a:p>
          <a:p>
            <a:pPr algn="just">
              <a:spcAft>
                <a:spcPts val="0"/>
              </a:spcAft>
              <a:defRPr/>
            </a:pPr>
            <a:r>
              <a:rPr lang="ja-JP" altLang="en-US" sz="1200" kern="100" dirty="0">
                <a:ea typeface="ＭＳ 明朝"/>
                <a:cs typeface="Times New Roman"/>
              </a:rPr>
              <a:t>橋梁仮組立システム</a:t>
            </a:r>
            <a:endParaRPr lang="ja-JP" sz="1200" kern="100" dirty="0">
              <a:ea typeface="ＭＳ 明朝"/>
              <a:cs typeface="Times New Roman"/>
            </a:endParaRPr>
          </a:p>
        </p:txBody>
      </p:sp>
      <p:sp>
        <p:nvSpPr>
          <p:cNvPr id="8206" name="Rectangle 22">
            <a:extLst>
              <a:ext uri="{FF2B5EF4-FFF2-40B4-BE49-F238E27FC236}">
                <a16:creationId xmlns:a16="http://schemas.microsoft.com/office/drawing/2014/main" id="{825F7B84-4B9E-4E99-BA38-EE31D4E56522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9144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endParaRPr lang="ja-JP" altLang="en-US" sz="1800">
              <a:latin typeface="Arial" panose="020B0604020202020204" pitchFamily="34" charset="0"/>
            </a:endParaRPr>
          </a:p>
        </p:txBody>
      </p:sp>
      <p:sp>
        <p:nvSpPr>
          <p:cNvPr id="8207" name="Rectangle 43">
            <a:extLst>
              <a:ext uri="{FF2B5EF4-FFF2-40B4-BE49-F238E27FC236}">
                <a16:creationId xmlns:a16="http://schemas.microsoft.com/office/drawing/2014/main" id="{8697972C-6562-47D8-A8FD-425B8EA13783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4572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endParaRPr lang="ja-JP" altLang="ja-JP" sz="1800">
              <a:latin typeface="Arial" panose="020B0604020202020204" pitchFamily="34" charset="0"/>
            </a:endParaRPr>
          </a:p>
        </p:txBody>
      </p:sp>
      <p:sp>
        <p:nvSpPr>
          <p:cNvPr id="26" name="テキスト ボックス 8">
            <a:extLst>
              <a:ext uri="{FF2B5EF4-FFF2-40B4-BE49-F238E27FC236}">
                <a16:creationId xmlns:a16="http://schemas.microsoft.com/office/drawing/2014/main" id="{9C2F6FBE-73A5-4DCE-9DE6-A21CB29F6437}"/>
              </a:ext>
            </a:extLst>
          </p:cNvPr>
          <p:cNvSpPr txBox="1"/>
          <p:nvPr/>
        </p:nvSpPr>
        <p:spPr>
          <a:xfrm>
            <a:off x="8362950" y="819150"/>
            <a:ext cx="563563" cy="504825"/>
          </a:xfrm>
          <a:prstGeom prst="rect">
            <a:avLst/>
          </a:prstGeom>
          <a:solidFill>
            <a:schemeClr val="lt1"/>
          </a:solidFill>
          <a:ln w="6350">
            <a:solidFill>
              <a:prstClr val="black"/>
            </a:solidFill>
          </a:ln>
          <a:effectLst/>
        </p:spPr>
        <p:style>
          <a:lnRef idx="0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none"/>
          <a:lstStyle/>
          <a:p>
            <a:pPr algn="just">
              <a:spcAft>
                <a:spcPts val="0"/>
              </a:spcAft>
              <a:defRPr/>
            </a:pPr>
            <a:r>
              <a:rPr lang="ja-JP" altLang="en-US" sz="1050" b="1" kern="100" dirty="0">
                <a:latin typeface="+mj-ea"/>
                <a:ea typeface="+mj-ea"/>
                <a:cs typeface="Times New Roman"/>
              </a:rPr>
              <a:t>富山市</a:t>
            </a:r>
            <a:endParaRPr lang="en-US" altLang="ja-JP" sz="1050" b="1" kern="100" dirty="0">
              <a:latin typeface="+mj-ea"/>
              <a:ea typeface="+mj-ea"/>
              <a:cs typeface="Times New Roman"/>
            </a:endParaRPr>
          </a:p>
          <a:p>
            <a:pPr algn="just">
              <a:spcAft>
                <a:spcPts val="0"/>
              </a:spcAft>
              <a:defRPr/>
            </a:pPr>
            <a:endParaRPr lang="ja-JP" sz="1050" b="1" kern="100" dirty="0">
              <a:ea typeface="ＭＳ 明朝"/>
              <a:cs typeface="Times New Roman"/>
            </a:endParaRPr>
          </a:p>
        </p:txBody>
      </p:sp>
      <p:sp>
        <p:nvSpPr>
          <p:cNvPr id="27" name="テキスト ボックス 15">
            <a:extLst>
              <a:ext uri="{FF2B5EF4-FFF2-40B4-BE49-F238E27FC236}">
                <a16:creationId xmlns:a16="http://schemas.microsoft.com/office/drawing/2014/main" id="{2D9F1D40-22EF-4CF0-9A16-015320FA099C}"/>
              </a:ext>
            </a:extLst>
          </p:cNvPr>
          <p:cNvSpPr txBox="1"/>
          <p:nvPr/>
        </p:nvSpPr>
        <p:spPr>
          <a:xfrm>
            <a:off x="3086100" y="3902075"/>
            <a:ext cx="2436813" cy="595313"/>
          </a:xfrm>
          <a:prstGeom prst="rect">
            <a:avLst/>
          </a:prstGeom>
          <a:solidFill>
            <a:srgbClr val="92D050"/>
          </a:solidFill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/>
          <a:lstStyle/>
          <a:p>
            <a:pPr algn="just">
              <a:spcAft>
                <a:spcPts val="0"/>
              </a:spcAft>
              <a:defRPr/>
            </a:pPr>
            <a:r>
              <a:rPr lang="en-US" altLang="ja-JP" sz="2000" b="1" kern="100" dirty="0">
                <a:ea typeface="ＭＳ 明朝"/>
                <a:cs typeface="Times New Roman"/>
              </a:rPr>
              <a:t>AI</a:t>
            </a:r>
            <a:r>
              <a:rPr lang="ja-JP" altLang="en-US" sz="2000" b="1" kern="100" dirty="0">
                <a:ea typeface="ＭＳ 明朝"/>
                <a:cs typeface="Times New Roman"/>
              </a:rPr>
              <a:t>（ｴｷｽﾊﾟｰﾄｼｽﾃﾑ）</a:t>
            </a:r>
            <a:endParaRPr lang="en-US" altLang="ja-JP" sz="2000" b="1" kern="100" dirty="0">
              <a:ea typeface="ＭＳ 明朝"/>
              <a:cs typeface="Times New Roman"/>
            </a:endParaRPr>
          </a:p>
          <a:p>
            <a:pPr algn="just">
              <a:spcAft>
                <a:spcPts val="0"/>
              </a:spcAft>
              <a:defRPr/>
            </a:pPr>
            <a:r>
              <a:rPr lang="ja-JP" altLang="en-US" sz="1200" b="1" kern="100" dirty="0">
                <a:ea typeface="ＭＳ 明朝"/>
                <a:cs typeface="Times New Roman"/>
              </a:rPr>
              <a:t>橋梁形式選定</a:t>
            </a:r>
            <a:endParaRPr lang="ja-JP" sz="1200" b="1" kern="100" dirty="0">
              <a:ea typeface="ＭＳ 明朝"/>
              <a:cs typeface="Times New Roman"/>
            </a:endParaRPr>
          </a:p>
        </p:txBody>
      </p:sp>
      <p:sp>
        <p:nvSpPr>
          <p:cNvPr id="28" name="テキスト ボックス 15">
            <a:extLst>
              <a:ext uri="{FF2B5EF4-FFF2-40B4-BE49-F238E27FC236}">
                <a16:creationId xmlns:a16="http://schemas.microsoft.com/office/drawing/2014/main" id="{E68F93A0-2A50-4CDA-A1C6-EA410EE5AFF6}"/>
              </a:ext>
            </a:extLst>
          </p:cNvPr>
          <p:cNvSpPr txBox="1"/>
          <p:nvPr/>
        </p:nvSpPr>
        <p:spPr>
          <a:xfrm>
            <a:off x="2674938" y="4587875"/>
            <a:ext cx="2090737" cy="495300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/>
          <a:lstStyle/>
          <a:p>
            <a:pPr algn="just">
              <a:spcAft>
                <a:spcPts val="0"/>
              </a:spcAft>
              <a:defRPr/>
            </a:pPr>
            <a:r>
              <a:rPr lang="en-US" altLang="ja-JP" b="1" kern="100" dirty="0">
                <a:ea typeface="AR丸ゴシック体M"/>
                <a:cs typeface="Times New Roman"/>
              </a:rPr>
              <a:t>3D</a:t>
            </a:r>
            <a:r>
              <a:rPr lang="ja-JP" altLang="en-US" b="1" kern="100" dirty="0">
                <a:ea typeface="AR丸ゴシック体M"/>
                <a:cs typeface="Times New Roman"/>
              </a:rPr>
              <a:t>　</a:t>
            </a:r>
            <a:r>
              <a:rPr lang="en-US" altLang="ja-JP" b="1" kern="100" dirty="0">
                <a:ea typeface="AR丸ゴシック体M"/>
                <a:cs typeface="Times New Roman"/>
              </a:rPr>
              <a:t>CAD</a:t>
            </a:r>
            <a:endParaRPr lang="ja-JP" sz="1050" kern="100" dirty="0">
              <a:ea typeface="ＭＳ 明朝"/>
              <a:cs typeface="Times New Roman"/>
            </a:endParaRPr>
          </a:p>
        </p:txBody>
      </p:sp>
      <p:sp>
        <p:nvSpPr>
          <p:cNvPr id="29" name="テキスト ボックス 15">
            <a:extLst>
              <a:ext uri="{FF2B5EF4-FFF2-40B4-BE49-F238E27FC236}">
                <a16:creationId xmlns:a16="http://schemas.microsoft.com/office/drawing/2014/main" id="{570FD82E-7F1D-4E8A-AF69-D312739EE83D}"/>
              </a:ext>
            </a:extLst>
          </p:cNvPr>
          <p:cNvSpPr txBox="1"/>
          <p:nvPr/>
        </p:nvSpPr>
        <p:spPr>
          <a:xfrm>
            <a:off x="7748588" y="4714875"/>
            <a:ext cx="1273175" cy="495300"/>
          </a:xfrm>
          <a:prstGeom prst="rect">
            <a:avLst/>
          </a:prstGeom>
          <a:solidFill>
            <a:srgbClr val="92D050"/>
          </a:solidFill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/>
          <a:lstStyle/>
          <a:p>
            <a:pPr algn="just">
              <a:spcAft>
                <a:spcPts val="0"/>
              </a:spcAft>
              <a:defRPr/>
            </a:pPr>
            <a:r>
              <a:rPr lang="en-US" altLang="ja-JP" b="1" kern="100" dirty="0">
                <a:ea typeface="AR丸ゴシック体M"/>
                <a:cs typeface="Times New Roman"/>
              </a:rPr>
              <a:t>BIM/CIM</a:t>
            </a:r>
            <a:endParaRPr lang="ja-JP" sz="1050" kern="100" dirty="0">
              <a:ea typeface="ＭＳ 明朝"/>
              <a:cs typeface="Times New Roman"/>
            </a:endParaRPr>
          </a:p>
        </p:txBody>
      </p:sp>
      <p:sp>
        <p:nvSpPr>
          <p:cNvPr id="30" name="テキスト ボックス 15">
            <a:extLst>
              <a:ext uri="{FF2B5EF4-FFF2-40B4-BE49-F238E27FC236}">
                <a16:creationId xmlns:a16="http://schemas.microsoft.com/office/drawing/2014/main" id="{9DC1C86F-F74E-4A8B-BC7D-D0CFC104FBF4}"/>
              </a:ext>
            </a:extLst>
          </p:cNvPr>
          <p:cNvSpPr txBox="1"/>
          <p:nvPr/>
        </p:nvSpPr>
        <p:spPr>
          <a:xfrm>
            <a:off x="7824788" y="3270250"/>
            <a:ext cx="1187450" cy="1236663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/>
          <a:lstStyle/>
          <a:p>
            <a:pPr algn="just">
              <a:spcAft>
                <a:spcPts val="0"/>
              </a:spcAft>
              <a:defRPr/>
            </a:pPr>
            <a:r>
              <a:rPr lang="en-US" altLang="ja-JP" sz="2000" b="1" kern="100" dirty="0">
                <a:ea typeface="ＭＳ 明朝"/>
                <a:cs typeface="Times New Roman"/>
              </a:rPr>
              <a:t>AI</a:t>
            </a:r>
            <a:r>
              <a:rPr lang="ja-JP" altLang="en-US" sz="2000" b="1" kern="100" dirty="0">
                <a:ea typeface="ＭＳ 明朝"/>
                <a:cs typeface="Times New Roman"/>
              </a:rPr>
              <a:t>（ﾃﾞｰﾌﾟﾗｰﾆﾝｸﾞ）</a:t>
            </a:r>
            <a:endParaRPr lang="en-US" altLang="ja-JP" sz="2000" b="1" kern="100" dirty="0">
              <a:ea typeface="ＭＳ 明朝"/>
              <a:cs typeface="Times New Roman"/>
            </a:endParaRPr>
          </a:p>
          <a:p>
            <a:pPr algn="just">
              <a:spcAft>
                <a:spcPts val="0"/>
              </a:spcAft>
              <a:defRPr/>
            </a:pPr>
            <a:r>
              <a:rPr lang="ja-JP" altLang="en-US" sz="1200" b="1" kern="100" dirty="0">
                <a:ea typeface="ＭＳ 明朝"/>
                <a:cs typeface="Times New Roman"/>
              </a:rPr>
              <a:t>床版診断</a:t>
            </a:r>
            <a:endParaRPr lang="ja-JP" sz="1200" b="1" kern="100" dirty="0">
              <a:ea typeface="ＭＳ 明朝"/>
              <a:cs typeface="Times New Roman"/>
            </a:endParaRPr>
          </a:p>
        </p:txBody>
      </p:sp>
      <p:sp>
        <p:nvSpPr>
          <p:cNvPr id="31" name="テキスト ボックス 15">
            <a:extLst>
              <a:ext uri="{FF2B5EF4-FFF2-40B4-BE49-F238E27FC236}">
                <a16:creationId xmlns:a16="http://schemas.microsoft.com/office/drawing/2014/main" id="{5FA398D5-C496-4EE6-AB07-BFE0864F0C47}"/>
              </a:ext>
            </a:extLst>
          </p:cNvPr>
          <p:cNvSpPr txBox="1"/>
          <p:nvPr/>
        </p:nvSpPr>
        <p:spPr>
          <a:xfrm>
            <a:off x="3732213" y="5133975"/>
            <a:ext cx="3792537" cy="327025"/>
          </a:xfrm>
          <a:prstGeom prst="rect">
            <a:avLst/>
          </a:prstGeom>
          <a:solidFill>
            <a:schemeClr val="accent5">
              <a:lumMod val="40000"/>
              <a:lumOff val="60000"/>
            </a:schemeClr>
          </a:solidFill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/>
          <a:lstStyle/>
          <a:p>
            <a:pPr algn="just">
              <a:spcAft>
                <a:spcPts val="0"/>
              </a:spcAft>
              <a:defRPr/>
            </a:pPr>
            <a:r>
              <a:rPr lang="ja-JP" altLang="en-US" b="1" kern="100" dirty="0">
                <a:ea typeface="AR丸ゴシック体M"/>
                <a:cs typeface="Times New Roman"/>
              </a:rPr>
              <a:t>ﾅﾋﾞｹﾞｰｼｮﾝｼｽﾃﾑ、</a:t>
            </a:r>
            <a:r>
              <a:rPr lang="en-US" altLang="ja-JP" b="1" kern="100" dirty="0">
                <a:ea typeface="AR丸ゴシック体M"/>
                <a:cs typeface="Times New Roman"/>
              </a:rPr>
              <a:t>ETC</a:t>
            </a:r>
            <a:r>
              <a:rPr lang="ja-JP" altLang="en-US" b="1" kern="100" dirty="0">
                <a:ea typeface="AR丸ゴシック体M"/>
                <a:cs typeface="Times New Roman"/>
              </a:rPr>
              <a:t>、</a:t>
            </a:r>
            <a:r>
              <a:rPr lang="en-US" altLang="ja-JP" b="1" kern="100" dirty="0">
                <a:ea typeface="AR丸ゴシック体M"/>
                <a:cs typeface="Times New Roman"/>
              </a:rPr>
              <a:t>BICS</a:t>
            </a:r>
            <a:r>
              <a:rPr lang="ja-JP" altLang="en-US" b="1" kern="100" dirty="0">
                <a:ea typeface="AR丸ゴシック体M"/>
                <a:cs typeface="Times New Roman"/>
              </a:rPr>
              <a:t>　等</a:t>
            </a:r>
            <a:endParaRPr lang="ja-JP" sz="1050" kern="100" dirty="0">
              <a:ea typeface="ＭＳ 明朝"/>
              <a:cs typeface="Times New Roman"/>
            </a:endParaRPr>
          </a:p>
        </p:txBody>
      </p:sp>
      <p:sp>
        <p:nvSpPr>
          <p:cNvPr id="8214" name="テキスト ボックス 1">
            <a:extLst>
              <a:ext uri="{FF2B5EF4-FFF2-40B4-BE49-F238E27FC236}">
                <a16:creationId xmlns:a16="http://schemas.microsoft.com/office/drawing/2014/main" id="{58AAC670-05CC-41E4-AFA8-1AB1E7337C8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00025" y="5973763"/>
            <a:ext cx="5511445" cy="5232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28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ちなみに、植野のシステム系の経歴</a:t>
            </a:r>
          </a:p>
        </p:txBody>
      </p:sp>
      <p:sp>
        <p:nvSpPr>
          <p:cNvPr id="23" name="テキスト ボックス 15">
            <a:extLst>
              <a:ext uri="{FF2B5EF4-FFF2-40B4-BE49-F238E27FC236}">
                <a16:creationId xmlns:a16="http://schemas.microsoft.com/office/drawing/2014/main" id="{79F76E7E-FC17-45BA-ADD4-2859A77C4095}"/>
              </a:ext>
            </a:extLst>
          </p:cNvPr>
          <p:cNvSpPr txBox="1"/>
          <p:nvPr/>
        </p:nvSpPr>
        <p:spPr>
          <a:xfrm>
            <a:off x="6516688" y="5567363"/>
            <a:ext cx="2505075" cy="495300"/>
          </a:xfrm>
          <a:prstGeom prst="rect">
            <a:avLst/>
          </a:prstGeom>
          <a:solidFill>
            <a:srgbClr val="92D050"/>
          </a:solidFill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/>
          <a:lstStyle/>
          <a:p>
            <a:pPr algn="just">
              <a:spcAft>
                <a:spcPts val="0"/>
              </a:spcAft>
              <a:defRPr/>
            </a:pPr>
            <a:r>
              <a:rPr lang="ja-JP" altLang="en-US" sz="2000" b="1" kern="100" dirty="0">
                <a:latin typeface="ＭＳ Ｐゴシック" panose="020B0600070205080204" pitchFamily="50" charset="-128"/>
                <a:cs typeface="Times New Roman"/>
              </a:rPr>
              <a:t>モニタリングシステム</a:t>
            </a:r>
            <a:endParaRPr lang="ja-JP" sz="2000" b="1" kern="100" dirty="0">
              <a:latin typeface="ＭＳ Ｐゴシック" panose="020B0600070205080204" pitchFamily="50" charset="-128"/>
              <a:cs typeface="Times New Roman"/>
            </a:endParaRPr>
          </a:p>
        </p:txBody>
      </p:sp>
      <p:sp>
        <p:nvSpPr>
          <p:cNvPr id="3" name="四角形: 角を丸くする 2">
            <a:extLst>
              <a:ext uri="{FF2B5EF4-FFF2-40B4-BE49-F238E27FC236}">
                <a16:creationId xmlns:a16="http://schemas.microsoft.com/office/drawing/2014/main" id="{EEAAEF46-E4D1-44E9-8B48-A2294B7032C8}"/>
              </a:ext>
            </a:extLst>
          </p:cNvPr>
          <p:cNvSpPr/>
          <p:nvPr/>
        </p:nvSpPr>
        <p:spPr>
          <a:xfrm>
            <a:off x="276225" y="3328988"/>
            <a:ext cx="2257425" cy="1441450"/>
          </a:xfrm>
          <a:prstGeom prst="roundRect">
            <a:avLst/>
          </a:prstGeom>
          <a:solidFill>
            <a:schemeClr val="accent4">
              <a:lumMod val="60000"/>
              <a:lumOff val="4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ja-JP" altLang="en-US" b="1" dirty="0">
                <a:solidFill>
                  <a:schemeClr val="tx1"/>
                </a:solidFill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システム開発は、</a:t>
            </a:r>
            <a:endParaRPr lang="en-US" altLang="ja-JP" b="1" dirty="0">
              <a:solidFill>
                <a:schemeClr val="tx1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pPr algn="ctr">
              <a:defRPr/>
            </a:pPr>
            <a:r>
              <a:rPr lang="ja-JP" altLang="en-US" b="1" dirty="0">
                <a:solidFill>
                  <a:schemeClr val="tx1"/>
                </a:solidFill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合間に</a:t>
            </a:r>
            <a:endParaRPr lang="en-US" altLang="ja-JP" b="1" dirty="0">
              <a:solidFill>
                <a:schemeClr val="tx1"/>
              </a:solidFill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pPr algn="ctr">
              <a:defRPr/>
            </a:pPr>
            <a:r>
              <a:rPr lang="ja-JP" altLang="en-US" b="1" dirty="0">
                <a:solidFill>
                  <a:schemeClr val="tx1"/>
                </a:solidFill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自分の“道具”を整えるため</a:t>
            </a:r>
          </a:p>
        </p:txBody>
      </p:sp>
      <p:sp>
        <p:nvSpPr>
          <p:cNvPr id="32" name="テキスト ボックス 14">
            <a:extLst>
              <a:ext uri="{FF2B5EF4-FFF2-40B4-BE49-F238E27FC236}">
                <a16:creationId xmlns:a16="http://schemas.microsoft.com/office/drawing/2014/main" id="{ECC37A63-0067-48CC-BB22-365A6569CEB3}"/>
              </a:ext>
            </a:extLst>
          </p:cNvPr>
          <p:cNvSpPr txBox="1"/>
          <p:nvPr/>
        </p:nvSpPr>
        <p:spPr>
          <a:xfrm>
            <a:off x="214313" y="1406525"/>
            <a:ext cx="8678862" cy="298450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/>
          <a:lstStyle/>
          <a:p>
            <a:pPr algn="just">
              <a:spcAft>
                <a:spcPts val="0"/>
              </a:spcAft>
              <a:defRPr/>
            </a:pPr>
            <a:r>
              <a:rPr lang="ja-JP" sz="1600" b="1" kern="100" dirty="0">
                <a:ea typeface="AR丸ゴシック体M"/>
                <a:cs typeface="Times New Roman"/>
              </a:rPr>
              <a:t>橋梁</a:t>
            </a:r>
            <a:r>
              <a:rPr lang="ja-JP" altLang="en-US" sz="1600" b="1" kern="100" dirty="0">
                <a:ea typeface="AR丸ゴシック体M"/>
                <a:cs typeface="Times New Roman"/>
              </a:rPr>
              <a:t>等　データベースシステム</a:t>
            </a:r>
            <a:endParaRPr lang="ja-JP" sz="1600" kern="100" dirty="0">
              <a:ea typeface="ＭＳ 明朝"/>
              <a:cs typeface="Times New Roman"/>
            </a:endParaRPr>
          </a:p>
        </p:txBody>
      </p:sp>
    </p:spTree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テキスト ボックス 1">
            <a:extLst>
              <a:ext uri="{FF2B5EF4-FFF2-40B4-BE49-F238E27FC236}">
                <a16:creationId xmlns:a16="http://schemas.microsoft.com/office/drawing/2014/main" id="{583F5567-FD00-4836-879D-3B47F3F0F180}"/>
              </a:ext>
            </a:extLst>
          </p:cNvPr>
          <p:cNvSpPr txBox="1"/>
          <p:nvPr/>
        </p:nvSpPr>
        <p:spPr>
          <a:xfrm>
            <a:off x="755576" y="332656"/>
            <a:ext cx="5468164" cy="563231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400" dirty="0"/>
              <a:t>社会は繰り返す</a:t>
            </a:r>
            <a:endParaRPr kumimoji="1" lang="en-US" altLang="ja-JP" sz="2400" dirty="0"/>
          </a:p>
          <a:p>
            <a:r>
              <a:rPr lang="ja-JP" altLang="en-US" sz="2400" dirty="0"/>
              <a:t>・例えば</a:t>
            </a:r>
            <a:r>
              <a:rPr lang="en-US" altLang="ja-JP" sz="2400" dirty="0"/>
              <a:t>AI</a:t>
            </a:r>
            <a:r>
              <a:rPr lang="ja-JP" altLang="en-US" sz="2400" dirty="0"/>
              <a:t>、</a:t>
            </a:r>
            <a:r>
              <a:rPr lang="en-US" altLang="ja-JP" sz="2400" dirty="0"/>
              <a:t>3</a:t>
            </a:r>
            <a:r>
              <a:rPr lang="ja-JP" altLang="en-US" sz="2400" dirty="0"/>
              <a:t>次元化　等</a:t>
            </a:r>
            <a:endParaRPr lang="en-US" altLang="ja-JP" sz="2400" dirty="0"/>
          </a:p>
          <a:p>
            <a:r>
              <a:rPr lang="ja-JP" altLang="en-US" sz="2400" dirty="0"/>
              <a:t>・標準化、単純化の重要性</a:t>
            </a:r>
            <a:endParaRPr lang="en-US" altLang="ja-JP" sz="2400" dirty="0"/>
          </a:p>
          <a:p>
            <a:endParaRPr lang="en-US" altLang="ja-JP" sz="2400" dirty="0"/>
          </a:p>
          <a:p>
            <a:r>
              <a:rPr lang="ja-JP" altLang="en-US" sz="2400" dirty="0"/>
              <a:t>今の社会的風潮で、逆行するもの</a:t>
            </a:r>
            <a:endParaRPr lang="en-US" altLang="ja-JP" sz="2400" dirty="0"/>
          </a:p>
          <a:p>
            <a:r>
              <a:rPr lang="ja-JP" altLang="en-US" sz="2400" dirty="0"/>
              <a:t>・デザイン重視　⇒自動化を阻害</a:t>
            </a:r>
            <a:endParaRPr lang="en-US" altLang="ja-JP" sz="2400" dirty="0"/>
          </a:p>
          <a:p>
            <a:r>
              <a:rPr lang="ja-JP" altLang="en-US" sz="2400" dirty="0"/>
              <a:t>・単独ソフト　⇒データの一貫性の阻害</a:t>
            </a:r>
            <a:endParaRPr lang="en-US" altLang="ja-JP" sz="2400" dirty="0"/>
          </a:p>
          <a:p>
            <a:r>
              <a:rPr lang="ja-JP" altLang="en-US" sz="2400" dirty="0"/>
              <a:t>・通信システムの脆弱性⇒自動化の阻害</a:t>
            </a:r>
            <a:endParaRPr lang="en-US" altLang="ja-JP" sz="2400" dirty="0"/>
          </a:p>
          <a:p>
            <a:endParaRPr kumimoji="1" lang="en-US" altLang="ja-JP" sz="2400" dirty="0"/>
          </a:p>
          <a:p>
            <a:endParaRPr lang="en-US" altLang="ja-JP" sz="2400" dirty="0"/>
          </a:p>
          <a:p>
            <a:r>
              <a:rPr kumimoji="1" lang="en-US" altLang="ja-JP" sz="2400" dirty="0"/>
              <a:t>DX</a:t>
            </a:r>
            <a:r>
              <a:rPr kumimoji="1" lang="ja-JP" altLang="en-US" sz="2400" dirty="0"/>
              <a:t>の活用</a:t>
            </a:r>
            <a:endParaRPr kumimoji="1" lang="en-US" altLang="ja-JP" sz="2400" dirty="0"/>
          </a:p>
          <a:p>
            <a:r>
              <a:rPr kumimoji="1" lang="ja-JP" altLang="en-US" sz="2400" dirty="0"/>
              <a:t>①</a:t>
            </a:r>
            <a:r>
              <a:rPr kumimoji="1" lang="en-US" altLang="ja-JP" sz="2400" dirty="0"/>
              <a:t>PR</a:t>
            </a:r>
            <a:r>
              <a:rPr kumimoji="1" lang="ja-JP" altLang="en-US" sz="2400" dirty="0"/>
              <a:t>の高度化</a:t>
            </a:r>
            <a:endParaRPr kumimoji="1" lang="en-US" altLang="ja-JP" sz="2400" dirty="0"/>
          </a:p>
          <a:p>
            <a:r>
              <a:rPr lang="ja-JP" altLang="en-US" sz="2400" dirty="0"/>
              <a:t>②情報発信</a:t>
            </a:r>
            <a:endParaRPr lang="en-US" altLang="ja-JP" sz="2400" dirty="0"/>
          </a:p>
          <a:p>
            <a:r>
              <a:rPr kumimoji="1" lang="ja-JP" altLang="en-US" sz="2400" dirty="0"/>
              <a:t>③営業活動の拡散</a:t>
            </a:r>
            <a:endParaRPr kumimoji="1" lang="en-US" altLang="ja-JP" sz="2400" dirty="0"/>
          </a:p>
          <a:p>
            <a:r>
              <a:rPr lang="ja-JP" altLang="en-US" sz="2400" dirty="0"/>
              <a:t>④通信の重要性</a:t>
            </a:r>
            <a:endParaRPr kumimoji="1" lang="ja-JP" altLang="en-US" sz="2400" dirty="0"/>
          </a:p>
        </p:txBody>
      </p:sp>
    </p:spTree>
    <p:extLst>
      <p:ext uri="{BB962C8B-B14F-4D97-AF65-F5344CB8AC3E}">
        <p14:creationId xmlns:p14="http://schemas.microsoft.com/office/powerpoint/2010/main" val="1239567492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59292" y="494774"/>
            <a:ext cx="7822974" cy="54198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3161774" y="4310951"/>
            <a:ext cx="2028380" cy="938431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808094" y="4313667"/>
            <a:ext cx="2252126" cy="87054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4" name="Picture 8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5612122" y="4313667"/>
            <a:ext cx="2820724" cy="1444032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7" name="Picture 8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828730" y="5239064"/>
            <a:ext cx="2208137" cy="1055735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8" name="Picture 8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3148740" y="5265132"/>
            <a:ext cx="2333044" cy="1066053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3456663" y="1844854"/>
            <a:ext cx="2525835" cy="1600981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10" name="Picture 8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>
            <a:off x="813525" y="1844855"/>
            <a:ext cx="2559505" cy="158794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11" name="Picture 8"/>
          <p:cNvPicPr>
            <a:picLocks noChangeAspect="1"/>
          </p:cNvPicPr>
          <p:nvPr/>
        </p:nvPicPr>
        <p:blipFill>
          <a:blip r:embed="rId10" cstate="print"/>
          <a:stretch>
            <a:fillRect/>
          </a:stretch>
        </p:blipFill>
        <p:spPr>
          <a:xfrm>
            <a:off x="6042236" y="1839967"/>
            <a:ext cx="2393325" cy="161618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12" name="Picture 8"/>
          <p:cNvPicPr>
            <a:picLocks noChangeAspect="1"/>
          </p:cNvPicPr>
          <p:nvPr/>
        </p:nvPicPr>
        <p:blipFill>
          <a:blip r:embed="rId11" cstate="print"/>
          <a:stretch>
            <a:fillRect/>
          </a:stretch>
        </p:blipFill>
        <p:spPr>
          <a:xfrm>
            <a:off x="688075" y="1159496"/>
            <a:ext cx="7737168" cy="325844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13" name="Picture 8"/>
          <p:cNvPicPr>
            <a:picLocks noChangeAspect="1"/>
          </p:cNvPicPr>
          <p:nvPr/>
        </p:nvPicPr>
        <p:blipFill>
          <a:blip r:embed="rId12" cstate="print"/>
          <a:stretch>
            <a:fillRect/>
          </a:stretch>
        </p:blipFill>
        <p:spPr>
          <a:xfrm>
            <a:off x="701109" y="3698365"/>
            <a:ext cx="7739340" cy="563167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5" name="Rect 3"/>
          <p:cNvSpPr>
            <a:spLocks noGrp="1" noChangeArrowheads="1"/>
          </p:cNvSpPr>
          <p:nvPr/>
        </p:nvSpPr>
        <p:spPr>
          <a:xfrm>
            <a:off x="1" y="194997"/>
            <a:ext cx="9165995" cy="6467463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3033">
              <a:lnSpc>
                <a:spcPts val="2908"/>
              </a:lnSpc>
            </a:pPr>
            <a:endParaRPr lang="ko-KR" altLang="en-US" sz="812" dirty="0"/>
          </a:p>
          <a:p>
            <a:pPr defTabSz="13033">
              <a:lnSpc>
                <a:spcPts val="2395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</a:rPr>
              <a:t>																																																								</a:t>
            </a:r>
            <a:r>
              <a:rPr lang="en-US" altLang="ko-KR" sz="2390" dirty="0">
                <a:solidFill>
                  <a:srgbClr val="4087C8"/>
                </a:solidFill>
                <a:latin typeface="HGP?n?p?poT?ﾂPﾂCUB"/>
                <a:ea typeface="HGP?n?p?poT?ﾂPﾂCUB"/>
              </a:rPr>
              <a:t>富山市におけるi-Constructionの取り組み状況</a:t>
            </a:r>
            <a:endParaRPr lang="ko-KR" altLang="en-US" sz="2390" dirty="0"/>
          </a:p>
          <a:p>
            <a:pPr defTabSz="13033">
              <a:lnSpc>
                <a:spcPts val="2822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539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</a:t>
            </a:r>
            <a:r>
              <a:rPr lang="en-US" altLang="ko-KR" sz="1539" dirty="0">
                <a:solidFill>
                  <a:srgbClr val="000000"/>
                </a:solidFill>
                <a:latin typeface="?l?r?o?S?V?b?N"/>
                <a:ea typeface="?l?r?o?S?V?b?N"/>
              </a:rPr>
              <a:t>○橋梁の維持管理の効率化・高度化としてモニタリングシステム導入、構築</a:t>
            </a:r>
            <a:endParaRPr lang="ko-KR" altLang="en-US" sz="1539" dirty="0"/>
          </a:p>
          <a:p>
            <a:pPr defTabSz="13033">
              <a:lnSpc>
                <a:spcPts val="941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368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</a:t>
            </a:r>
            <a:r>
              <a:rPr lang="en-US" altLang="ko-KR" sz="1365" dirty="0">
                <a:solidFill>
                  <a:srgbClr val="000000"/>
                </a:solidFill>
                <a:latin typeface="?l?r?o?S?V?b?N"/>
                <a:ea typeface="?l?r?o?S?V?b?N"/>
              </a:rPr>
              <a:t>モニタリングシステムへの試行例</a:t>
            </a:r>
            <a:endParaRPr lang="ko-KR" altLang="en-US" sz="1365" dirty="0"/>
          </a:p>
          <a:p>
            <a:pPr defTabSz="13033">
              <a:lnSpc>
                <a:spcPts val="13683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197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</a:t>
            </a:r>
            <a:r>
              <a:rPr lang="en-US" altLang="ko-KR" sz="1200" dirty="0">
                <a:solidFill>
                  <a:srgbClr val="000000"/>
                </a:solidFill>
                <a:latin typeface="?l?r?o?S?V?b?N"/>
                <a:ea typeface="?l?r?o?S?V?b?N"/>
              </a:rPr>
              <a:t>現地実証試験状況</a:t>
            </a: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</a:t>
            </a:r>
            <a:r>
              <a:rPr lang="en-US" altLang="ko-KR" sz="1200" dirty="0">
                <a:solidFill>
                  <a:srgbClr val="000000"/>
                </a:solidFill>
                <a:latin typeface="?l?r?o?S?V?b?N"/>
                <a:ea typeface="?l?r?o?S?V?b?N"/>
              </a:rPr>
              <a:t>センサー設置状況</a:t>
            </a:r>
            <a:endParaRPr lang="ko-KR" altLang="en-US" sz="1200" dirty="0"/>
          </a:p>
          <a:p>
            <a:pPr defTabSz="13033">
              <a:lnSpc>
                <a:spcPts val="1112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710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</a:t>
            </a:r>
            <a:r>
              <a:rPr lang="en-US" altLang="ko-KR" sz="1539" dirty="0">
                <a:solidFill>
                  <a:srgbClr val="000000"/>
                </a:solidFill>
                <a:latin typeface="?l?r?o?S?V?b?N"/>
                <a:ea typeface="?l?r?o?S?V?b?N"/>
              </a:rPr>
              <a:t>○八田橋更新事業において、</a:t>
            </a:r>
            <a:r>
              <a:rPr lang="en-US" altLang="ko-KR" sz="1539" dirty="0">
                <a:solidFill>
                  <a:srgbClr val="000000"/>
                </a:solidFill>
                <a:latin typeface="Arial"/>
                <a:ea typeface="Arial"/>
              </a:rPr>
              <a:t>CIM</a:t>
            </a:r>
            <a:r>
              <a:rPr lang="en-US" altLang="ko-KR" sz="1539" dirty="0">
                <a:solidFill>
                  <a:srgbClr val="000000"/>
                </a:solidFill>
                <a:latin typeface="?l?r?o?S?V?b?N"/>
                <a:ea typeface="?l?r?o?S?V?b?N"/>
              </a:rPr>
              <a:t>導入により鉄筋の干渉等、施工段階のフロントローディン</a:t>
            </a:r>
            <a:endParaRPr lang="ko-KR" altLang="en-US" sz="1539" dirty="0"/>
          </a:p>
          <a:p>
            <a:pPr defTabSz="13033">
              <a:lnSpc>
                <a:spcPts val="171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539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</a:t>
            </a:r>
            <a:r>
              <a:rPr lang="en-US" altLang="ko-KR" sz="1539" dirty="0">
                <a:solidFill>
                  <a:srgbClr val="000000"/>
                </a:solidFill>
                <a:latin typeface="?l?r?o?S?V?b?N"/>
                <a:ea typeface="?l?r?o?S?V?b?N"/>
              </a:rPr>
              <a:t>グを実施</a:t>
            </a:r>
            <a:endParaRPr lang="ko-KR" altLang="en-US" sz="1539" dirty="0"/>
          </a:p>
        </p:txBody>
      </p:sp>
      <p:sp>
        <p:nvSpPr>
          <p:cNvPr id="14" name="Rect 3"/>
          <p:cNvSpPr>
            <a:spLocks noGrp="1" noChangeArrowheads="1"/>
          </p:cNvSpPr>
          <p:nvPr/>
        </p:nvSpPr>
        <p:spPr>
          <a:xfrm>
            <a:off x="6258923" y="3492539"/>
            <a:ext cx="1921937" cy="130338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3033">
              <a:lnSpc>
                <a:spcPts val="1026"/>
              </a:lnSpc>
            </a:pPr>
            <a:r>
              <a:rPr lang="en-US" altLang="ko-KR" sz="1026" dirty="0">
                <a:solidFill>
                  <a:srgbClr val="000000"/>
                </a:solidFill>
                <a:latin typeface="?l?r?o?S?V?b?N"/>
              </a:rPr>
              <a:t>解体後 土木研究所での破壊試験</a:t>
            </a:r>
            <a:endParaRPr lang="ko-KR" altLang="en-US" sz="1026" dirty="0"/>
          </a:p>
        </p:txBody>
      </p:sp>
      <p:sp>
        <p:nvSpPr>
          <p:cNvPr id="15" name="テキスト ボックス 14">
            <a:extLst>
              <a:ext uri="{FF2B5EF4-FFF2-40B4-BE49-F238E27FC236}">
                <a16:creationId xmlns:a16="http://schemas.microsoft.com/office/drawing/2014/main" id="{2D8B7C5F-A7F7-4AA5-A9B4-B8EB36E0C102}"/>
              </a:ext>
            </a:extLst>
          </p:cNvPr>
          <p:cNvSpPr txBox="1"/>
          <p:nvPr/>
        </p:nvSpPr>
        <p:spPr>
          <a:xfrm>
            <a:off x="395536" y="188640"/>
            <a:ext cx="463415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/>
              <a:t>R</a:t>
            </a:r>
            <a:r>
              <a:rPr kumimoji="1" lang="ja-JP" altLang="en-US" dirty="0"/>
              <a:t>２年度　</a:t>
            </a:r>
            <a:r>
              <a:rPr kumimoji="1" lang="en-US" altLang="ja-JP" dirty="0"/>
              <a:t>I-CON</a:t>
            </a:r>
            <a:r>
              <a:rPr kumimoji="1" lang="ja-JP" altLang="en-US" dirty="0"/>
              <a:t>　大賞　公共部門　大臣賞受賞</a:t>
            </a:r>
          </a:p>
        </p:txBody>
      </p:sp>
    </p:spTree>
    <p:extLst>
      <p:ext uri="{BB962C8B-B14F-4D97-AF65-F5344CB8AC3E}">
        <p14:creationId xmlns:p14="http://schemas.microsoft.com/office/powerpoint/2010/main" val="777538758"/>
      </p:ext>
    </p:extLst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>
            <a:extLst>
              <a:ext uri="{FF2B5EF4-FFF2-40B4-BE49-F238E27FC236}">
                <a16:creationId xmlns:a16="http://schemas.microsoft.com/office/drawing/2014/main" id="{56BF684E-7CE0-4890-9F99-9AF12F387B6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95536" y="0"/>
            <a:ext cx="8229600" cy="836712"/>
          </a:xfrm>
        </p:spPr>
        <p:txBody>
          <a:bodyPr/>
          <a:lstStyle/>
          <a:p>
            <a:r>
              <a:rPr kumimoji="1" lang="en-US" altLang="ja-JP" dirty="0" err="1"/>
              <a:t>i</a:t>
            </a:r>
            <a:r>
              <a:rPr kumimoji="1" lang="en-US" altLang="ja-JP" dirty="0"/>
              <a:t>-con</a:t>
            </a:r>
            <a:r>
              <a:rPr kumimoji="1" lang="ja-JP" altLang="en-US" dirty="0"/>
              <a:t>を導入する課題</a:t>
            </a: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5947CF7B-6D11-4F5C-860D-FB2C59F3029A}"/>
              </a:ext>
            </a:extLst>
          </p:cNvPr>
          <p:cNvSpPr txBox="1"/>
          <p:nvPr/>
        </p:nvSpPr>
        <p:spPr>
          <a:xfrm>
            <a:off x="683568" y="908720"/>
            <a:ext cx="7293984" cy="523220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000" dirty="0"/>
              <a:t>地方の財政のひっ迫</a:t>
            </a:r>
            <a:endParaRPr kumimoji="1" lang="en-US" altLang="ja-JP" sz="2000" dirty="0"/>
          </a:p>
          <a:p>
            <a:r>
              <a:rPr lang="ja-JP" altLang="en-US" sz="2000" dirty="0"/>
              <a:t>新設工事の抑制　⇒新設への批判と将来の維持管理費への不安</a:t>
            </a:r>
            <a:endParaRPr lang="en-US" altLang="ja-JP" sz="2000" dirty="0"/>
          </a:p>
          <a:p>
            <a:r>
              <a:rPr kumimoji="1" lang="ja-JP" altLang="en-US" sz="2000" dirty="0"/>
              <a:t>先が読めない時代</a:t>
            </a:r>
            <a:endParaRPr kumimoji="1"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インフラメンテナンス国民会議だより。</a:t>
            </a:r>
            <a:endParaRPr lang="en-US" altLang="ja-JP" sz="2000" dirty="0"/>
          </a:p>
          <a:p>
            <a:r>
              <a:rPr lang="ja-JP" altLang="en-US" sz="2000" dirty="0"/>
              <a:t>　⇒民間事業者の要望　⇒今のやり方では、採用されない？？</a:t>
            </a:r>
            <a:endParaRPr lang="en-US" altLang="ja-JP" sz="2000" dirty="0"/>
          </a:p>
          <a:p>
            <a:endParaRPr kumimoji="1" lang="en-US" altLang="ja-JP" sz="2000" dirty="0"/>
          </a:p>
          <a:p>
            <a:r>
              <a:rPr lang="ja-JP" altLang="en-US" sz="2000" dirty="0"/>
              <a:t>最近、良く言われること</a:t>
            </a:r>
            <a:endParaRPr lang="en-US" altLang="ja-JP" sz="2000" dirty="0"/>
          </a:p>
          <a:p>
            <a:r>
              <a:rPr kumimoji="1" lang="ja-JP" altLang="en-US" sz="2000" dirty="0"/>
              <a:t>「横展開」　⇒成功事例を作り、それを他にも導入拡大</a:t>
            </a:r>
            <a:endParaRPr kumimoji="1" lang="en-US" altLang="ja-JP" sz="2000" dirty="0"/>
          </a:p>
          <a:p>
            <a:r>
              <a:rPr lang="ja-JP" altLang="en-US" sz="2000" dirty="0"/>
              <a:t>しかしそんなに簡単にはいかない。</a:t>
            </a:r>
            <a:r>
              <a:rPr kumimoji="1" lang="ja-JP" altLang="en-US" sz="2000" dirty="0"/>
              <a:t>成功事例ができない。</a:t>
            </a:r>
            <a:endParaRPr kumimoji="1" lang="en-US" altLang="ja-JP" sz="2000" dirty="0"/>
          </a:p>
          <a:p>
            <a:r>
              <a:rPr lang="ja-JP" altLang="en-US" sz="2000" dirty="0"/>
              <a:t>おのおのの自治体の事情の違い。</a:t>
            </a:r>
            <a:endParaRPr lang="en-US" altLang="ja-JP" sz="2000" dirty="0"/>
          </a:p>
          <a:p>
            <a:endParaRPr kumimoji="1" lang="en-US" altLang="ja-JP" sz="3200" dirty="0"/>
          </a:p>
          <a:p>
            <a:r>
              <a:rPr kumimoji="1" lang="ja-JP" altLang="en-US" sz="3200" dirty="0"/>
              <a:t>自治体の状況がわからない！</a:t>
            </a:r>
            <a:endParaRPr kumimoji="1" lang="en-US" altLang="ja-JP" sz="3200" dirty="0"/>
          </a:p>
          <a:p>
            <a:r>
              <a:rPr lang="ja-JP" altLang="en-US" sz="3200" dirty="0"/>
              <a:t>だから、提案できなくて、</a:t>
            </a:r>
            <a:r>
              <a:rPr kumimoji="1" lang="ja-JP" altLang="en-US" sz="3200" dirty="0"/>
              <a:t>当たり前！</a:t>
            </a:r>
            <a:endParaRPr kumimoji="1" lang="en-US" altLang="ja-JP" sz="3200" dirty="0"/>
          </a:p>
          <a:p>
            <a:r>
              <a:rPr kumimoji="1" lang="ja-JP" altLang="en-US" dirty="0">
                <a:solidFill>
                  <a:srgbClr val="FF0000"/>
                </a:solidFill>
              </a:rPr>
              <a:t>ではどうするの？</a:t>
            </a:r>
          </a:p>
        </p:txBody>
      </p:sp>
    </p:spTree>
    <p:extLst>
      <p:ext uri="{BB962C8B-B14F-4D97-AF65-F5344CB8AC3E}">
        <p14:creationId xmlns:p14="http://schemas.microsoft.com/office/powerpoint/2010/main" val="3462856745"/>
      </p:ext>
    </p:extLst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>
            <a:extLst>
              <a:ext uri="{FF2B5EF4-FFF2-40B4-BE49-F238E27FC236}">
                <a16:creationId xmlns:a16="http://schemas.microsoft.com/office/drawing/2014/main" id="{56BF684E-7CE0-4890-9F99-9AF12F387B6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95536" y="0"/>
            <a:ext cx="8229600" cy="836712"/>
          </a:xfrm>
        </p:spPr>
        <p:txBody>
          <a:bodyPr>
            <a:normAutofit/>
          </a:bodyPr>
          <a:lstStyle/>
          <a:p>
            <a:r>
              <a:rPr kumimoji="1" lang="ja-JP" altLang="en-US" dirty="0"/>
              <a:t>採用者から見た有効な技術とは？</a:t>
            </a: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5947CF7B-6D11-4F5C-860D-FB2C59F3029A}"/>
              </a:ext>
            </a:extLst>
          </p:cNvPr>
          <p:cNvSpPr txBox="1"/>
          <p:nvPr/>
        </p:nvSpPr>
        <p:spPr>
          <a:xfrm>
            <a:off x="683568" y="908720"/>
            <a:ext cx="6686446" cy="523220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000" dirty="0"/>
              <a:t>必要なものを安価で！</a:t>
            </a:r>
            <a:endParaRPr kumimoji="1"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虫がいい話ですよね！しかしこれが実態。</a:t>
            </a:r>
            <a:endParaRPr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そもそも、自治体の職員が、何に困っていて、何が必要か？</a:t>
            </a:r>
            <a:endParaRPr lang="en-US" altLang="ja-JP" sz="2000" dirty="0"/>
          </a:p>
          <a:p>
            <a:r>
              <a:rPr lang="ja-JP" altLang="en-US" sz="2000" dirty="0"/>
              <a:t>わかっていない。</a:t>
            </a:r>
            <a:endParaRPr lang="en-US" altLang="ja-JP" sz="2000" dirty="0"/>
          </a:p>
          <a:p>
            <a:r>
              <a:rPr lang="ja-JP" altLang="en-US" sz="2000" dirty="0"/>
              <a:t>コンサルなどの言いなりで採用する者</a:t>
            </a:r>
            <a:endParaRPr lang="en-US" altLang="ja-JP" sz="2000" dirty="0"/>
          </a:p>
          <a:p>
            <a:r>
              <a:rPr lang="ja-JP" altLang="en-US" sz="2000" dirty="0"/>
              <a:t>すべて拒否する者</a:t>
            </a:r>
            <a:endParaRPr lang="en-US" altLang="ja-JP" sz="2000" dirty="0"/>
          </a:p>
          <a:p>
            <a:r>
              <a:rPr lang="ja-JP" altLang="en-US" sz="2000" dirty="0"/>
              <a:t>小難しいことを言って、何もわかっていない者</a:t>
            </a:r>
            <a:endParaRPr lang="en-US" altLang="ja-JP" sz="2000" dirty="0"/>
          </a:p>
          <a:p>
            <a:r>
              <a:rPr lang="ja-JP" altLang="en-US" sz="2000" dirty="0"/>
              <a:t>・・・・・・・・・</a:t>
            </a:r>
            <a:endParaRPr lang="en-US" altLang="ja-JP" sz="2000" dirty="0"/>
          </a:p>
          <a:p>
            <a:endParaRPr lang="en-US" altLang="ja-JP" sz="2000" dirty="0"/>
          </a:p>
          <a:p>
            <a:endParaRPr kumimoji="1" lang="en-US" altLang="ja-JP" sz="3200" dirty="0"/>
          </a:p>
          <a:p>
            <a:r>
              <a:rPr kumimoji="1" lang="ja-JP" altLang="en-US" sz="3200" dirty="0"/>
              <a:t>自治体の状況を知らなさすぎ！</a:t>
            </a:r>
            <a:endParaRPr kumimoji="1" lang="en-US" altLang="ja-JP" sz="3200" dirty="0"/>
          </a:p>
          <a:p>
            <a:r>
              <a:rPr lang="ja-JP" altLang="en-US" sz="3200" dirty="0"/>
              <a:t>だから、提案できなくて、</a:t>
            </a:r>
            <a:r>
              <a:rPr kumimoji="1" lang="ja-JP" altLang="en-US" sz="3200" dirty="0"/>
              <a:t>当たり前！</a:t>
            </a:r>
            <a:endParaRPr kumimoji="1" lang="en-US" altLang="ja-JP" sz="3200" dirty="0"/>
          </a:p>
          <a:p>
            <a:r>
              <a:rPr kumimoji="1" lang="ja-JP" altLang="en-US" dirty="0">
                <a:solidFill>
                  <a:srgbClr val="FF0000"/>
                </a:solidFill>
              </a:rPr>
              <a:t>ではどうするの？</a:t>
            </a:r>
          </a:p>
        </p:txBody>
      </p:sp>
    </p:spTree>
    <p:extLst>
      <p:ext uri="{BB962C8B-B14F-4D97-AF65-F5344CB8AC3E}">
        <p14:creationId xmlns:p14="http://schemas.microsoft.com/office/powerpoint/2010/main" val="1794682804"/>
      </p:ext>
    </p:extLst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>
            <a:extLst>
              <a:ext uri="{FF2B5EF4-FFF2-40B4-BE49-F238E27FC236}">
                <a16:creationId xmlns:a16="http://schemas.microsoft.com/office/drawing/2014/main" id="{56BF684E-7CE0-4890-9F99-9AF12F387B6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95536" y="0"/>
            <a:ext cx="8229600" cy="836712"/>
          </a:xfrm>
        </p:spPr>
        <p:txBody>
          <a:bodyPr>
            <a:normAutofit fontScale="90000"/>
          </a:bodyPr>
          <a:lstStyle/>
          <a:p>
            <a:r>
              <a:rPr kumimoji="1" lang="en-US" altLang="ja-JP" dirty="0"/>
              <a:t>SIP</a:t>
            </a:r>
            <a:r>
              <a:rPr kumimoji="1" lang="ja-JP" altLang="en-US" dirty="0"/>
              <a:t>が活用されなかったのはなぜか？</a:t>
            </a: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5947CF7B-6D11-4F5C-860D-FB2C59F3029A}"/>
              </a:ext>
            </a:extLst>
          </p:cNvPr>
          <p:cNvSpPr txBox="1"/>
          <p:nvPr/>
        </p:nvSpPr>
        <p:spPr>
          <a:xfrm>
            <a:off x="683568" y="908720"/>
            <a:ext cx="6939720" cy="584775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000" dirty="0"/>
              <a:t>関係しているところに、お願いして実施したから。</a:t>
            </a:r>
            <a:endParaRPr kumimoji="1"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ニーズとシーズがあっていなかった？</a:t>
            </a:r>
            <a:endParaRPr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悪いパターン</a:t>
            </a:r>
            <a:endParaRPr lang="en-US" altLang="ja-JP" sz="2000" dirty="0"/>
          </a:p>
          <a:p>
            <a:r>
              <a:rPr lang="ja-JP" altLang="en-US" sz="2000" dirty="0"/>
              <a:t>自治体の職員が、自分たちが何に困っていて、何が必要か？</a:t>
            </a:r>
            <a:endParaRPr lang="en-US" altLang="ja-JP" sz="2000" dirty="0"/>
          </a:p>
          <a:p>
            <a:r>
              <a:rPr lang="ja-JP" altLang="en-US" sz="2000" dirty="0"/>
              <a:t>わかっていない。</a:t>
            </a:r>
            <a:endParaRPr lang="en-US" altLang="ja-JP" sz="2000" dirty="0"/>
          </a:p>
          <a:p>
            <a:r>
              <a:rPr lang="ja-JP" altLang="en-US" sz="2000" dirty="0"/>
              <a:t>大学の先生、コンサルなどの言いなりで採用。</a:t>
            </a:r>
            <a:endParaRPr lang="en-US" altLang="ja-JP" sz="2000" dirty="0"/>
          </a:p>
          <a:p>
            <a:r>
              <a:rPr lang="ja-JP" altLang="en-US" sz="2000" dirty="0"/>
              <a:t>中身がわかっていないから、有効性も受け売り</a:t>
            </a:r>
            <a:endParaRPr lang="en-US" altLang="ja-JP" sz="2000" dirty="0"/>
          </a:p>
          <a:p>
            <a:r>
              <a:rPr lang="ja-JP" altLang="en-US" sz="2000" dirty="0"/>
              <a:t>他の自治体に宣伝できない。良いか悪いかわからない。</a:t>
            </a:r>
            <a:endParaRPr lang="en-US" altLang="ja-JP" sz="2000" dirty="0"/>
          </a:p>
          <a:p>
            <a:r>
              <a:rPr lang="ja-JP" altLang="en-US" sz="2000" dirty="0"/>
              <a:t>高度すぎる。高価すぎる。</a:t>
            </a:r>
            <a:endParaRPr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絶対使われないパターン！</a:t>
            </a:r>
            <a:endParaRPr lang="en-US" altLang="ja-JP" sz="2000" dirty="0"/>
          </a:p>
          <a:p>
            <a:endParaRPr kumimoji="1" lang="en-US" altLang="ja-JP" sz="3200" dirty="0"/>
          </a:p>
          <a:p>
            <a:r>
              <a:rPr kumimoji="1" lang="ja-JP" altLang="en-US" sz="3200" dirty="0"/>
              <a:t>自治体の状況を知らなさすぎ！</a:t>
            </a:r>
            <a:endParaRPr kumimoji="1" lang="en-US" altLang="ja-JP" sz="3200" dirty="0"/>
          </a:p>
          <a:p>
            <a:r>
              <a:rPr lang="ja-JP" altLang="en-US" sz="3200" dirty="0"/>
              <a:t>だから、提案できなくて、</a:t>
            </a:r>
            <a:r>
              <a:rPr kumimoji="1" lang="ja-JP" altLang="en-US" sz="3200" dirty="0"/>
              <a:t>当たり前！</a:t>
            </a:r>
            <a:endParaRPr kumimoji="1" lang="en-US" altLang="ja-JP" sz="3200" dirty="0"/>
          </a:p>
          <a:p>
            <a:r>
              <a:rPr kumimoji="1" lang="ja-JP" altLang="en-US" dirty="0">
                <a:solidFill>
                  <a:srgbClr val="FF0000"/>
                </a:solidFill>
              </a:rPr>
              <a:t>ではどうするの？</a:t>
            </a:r>
          </a:p>
        </p:txBody>
      </p:sp>
    </p:spTree>
    <p:extLst>
      <p:ext uri="{BB962C8B-B14F-4D97-AF65-F5344CB8AC3E}">
        <p14:creationId xmlns:p14="http://schemas.microsoft.com/office/powerpoint/2010/main" val="2071045971"/>
      </p:ext>
    </p:extLst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>
            <a:extLst>
              <a:ext uri="{FF2B5EF4-FFF2-40B4-BE49-F238E27FC236}">
                <a16:creationId xmlns:a16="http://schemas.microsoft.com/office/drawing/2014/main" id="{84707CBE-4332-4E8E-AB21-F6FA04D317F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79511" y="-99392"/>
            <a:ext cx="8229600" cy="1143000"/>
          </a:xfrm>
        </p:spPr>
        <p:txBody>
          <a:bodyPr>
            <a:normAutofit/>
          </a:bodyPr>
          <a:lstStyle/>
          <a:p>
            <a:r>
              <a:rPr kumimoji="1" lang="ja-JP" altLang="en-US" sz="3200" dirty="0"/>
              <a:t>自治体が欲している技術・情報・アイディア</a:t>
            </a:r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A9985CD6-1ED3-49C6-8DD4-86EE2784C36C}"/>
              </a:ext>
            </a:extLst>
          </p:cNvPr>
          <p:cNvSpPr txBox="1"/>
          <p:nvPr/>
        </p:nvSpPr>
        <p:spPr>
          <a:xfrm>
            <a:off x="477400" y="908720"/>
            <a:ext cx="7633821" cy="572464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400" dirty="0"/>
              <a:t>本当に民間にそんなすごい技術あるの？</a:t>
            </a:r>
            <a:endParaRPr kumimoji="1" lang="en-US" altLang="ja-JP" sz="2400" dirty="0"/>
          </a:p>
          <a:p>
            <a:r>
              <a:rPr lang="ja-JP" altLang="en-US" sz="2400" dirty="0"/>
              <a:t>有れば、役所側でも大体はつかんでいる。伝わっている。</a:t>
            </a:r>
            <a:endParaRPr kumimoji="1" lang="en-US" altLang="ja-JP" sz="2400" dirty="0"/>
          </a:p>
          <a:p>
            <a:endParaRPr lang="en-US" altLang="ja-JP" sz="2400" dirty="0"/>
          </a:p>
          <a:p>
            <a:r>
              <a:rPr kumimoji="1" lang="ja-JP" altLang="en-US" sz="2400" dirty="0"/>
              <a:t>情報もそんなに持ってるの。</a:t>
            </a:r>
            <a:endParaRPr kumimoji="1" lang="en-US" altLang="ja-JP" sz="2400" dirty="0"/>
          </a:p>
          <a:p>
            <a:r>
              <a:rPr lang="ja-JP" altLang="en-US" sz="2400" dirty="0"/>
              <a:t>そんなにあるのならばなぜ活かせない？</a:t>
            </a:r>
            <a:endParaRPr lang="en-US" altLang="ja-JP" sz="2400" dirty="0"/>
          </a:p>
          <a:p>
            <a:r>
              <a:rPr kumimoji="1" lang="ja-JP" altLang="en-US" sz="2400" dirty="0"/>
              <a:t>役所が一番欲しいのは中央の、新たな交付金制度の情報</a:t>
            </a:r>
            <a:endParaRPr kumimoji="1" lang="en-US" altLang="ja-JP" sz="2400" dirty="0"/>
          </a:p>
          <a:p>
            <a:endParaRPr lang="en-US" altLang="ja-JP" sz="2400" dirty="0"/>
          </a:p>
          <a:p>
            <a:r>
              <a:rPr kumimoji="1" lang="ja-JP" altLang="en-US" sz="2400" dirty="0"/>
              <a:t>アイディアもそんなにあるの？</a:t>
            </a:r>
            <a:endParaRPr kumimoji="1" lang="en-US" altLang="ja-JP" sz="2400" dirty="0"/>
          </a:p>
          <a:p>
            <a:r>
              <a:rPr lang="ja-JP" altLang="en-US" sz="2400" dirty="0"/>
              <a:t>あるのならばなぜ提案しない？</a:t>
            </a:r>
            <a:endParaRPr lang="en-US" altLang="ja-JP" sz="2400" dirty="0"/>
          </a:p>
          <a:p>
            <a:endParaRPr kumimoji="1" lang="en-US" altLang="ja-JP" sz="2400" dirty="0"/>
          </a:p>
          <a:p>
            <a:r>
              <a:rPr lang="ja-JP" altLang="en-US" sz="2400" dirty="0"/>
              <a:t>提案する相手は？</a:t>
            </a:r>
            <a:r>
              <a:rPr kumimoji="1" lang="ja-JP" altLang="en-US" sz="2400" dirty="0"/>
              <a:t>ずれてない？</a:t>
            </a:r>
            <a:endParaRPr kumimoji="1" lang="en-US" altLang="ja-JP" sz="2400" dirty="0"/>
          </a:p>
          <a:p>
            <a:r>
              <a:rPr lang="ja-JP" altLang="en-US" sz="2400" dirty="0"/>
              <a:t>誰に相談している？</a:t>
            </a:r>
            <a:endParaRPr lang="en-US" altLang="ja-JP" sz="2400" dirty="0"/>
          </a:p>
          <a:p>
            <a:r>
              <a:rPr kumimoji="1" lang="ja-JP" altLang="en-US" sz="2400" dirty="0"/>
              <a:t>御社に、自治体の事態がわかっている人間はいますか？</a:t>
            </a:r>
            <a:endParaRPr kumimoji="1" lang="en-US" altLang="ja-JP" sz="2400" dirty="0"/>
          </a:p>
          <a:p>
            <a:endParaRPr lang="en-US" altLang="ja-JP" dirty="0"/>
          </a:p>
          <a:p>
            <a:endParaRPr kumimoji="1" lang="en-US" altLang="ja-JP" dirty="0"/>
          </a:p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002088801"/>
      </p:ext>
    </p:extLst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>
            <a:extLst>
              <a:ext uri="{FF2B5EF4-FFF2-40B4-BE49-F238E27FC236}">
                <a16:creationId xmlns:a16="http://schemas.microsoft.com/office/drawing/2014/main" id="{C91254AB-BE3F-4EF6-90AF-A588CCE200B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152400"/>
            <a:ext cx="8229600" cy="539750"/>
          </a:xfrm>
        </p:spPr>
        <p:txBody>
          <a:bodyPr>
            <a:normAutofit fontScale="90000"/>
          </a:bodyPr>
          <a:lstStyle/>
          <a:p>
            <a:pPr>
              <a:defRPr/>
            </a:pPr>
            <a:r>
              <a:rPr lang="ja-JP" altLang="en-US" b="1" dirty="0"/>
              <a:t>新技術導入のポイントの本音</a:t>
            </a:r>
          </a:p>
        </p:txBody>
      </p:sp>
      <p:sp>
        <p:nvSpPr>
          <p:cNvPr id="75779" name="テキスト ボックス 3">
            <a:extLst>
              <a:ext uri="{FF2B5EF4-FFF2-40B4-BE49-F238E27FC236}">
                <a16:creationId xmlns:a16="http://schemas.microsoft.com/office/drawing/2014/main" id="{FE1AD9DA-1D9D-4DFC-B585-E1E09A545C2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9388" y="765175"/>
            <a:ext cx="8785225" cy="4524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2400" b="1" u="sng">
                <a:latin typeface="Arial" panose="020B0604020202020204" pitchFamily="34" charset="0"/>
              </a:rPr>
              <a:t>開発者（民側）の課題</a:t>
            </a:r>
            <a:endParaRPr lang="en-US" altLang="ja-JP" sz="2400" b="1" u="sng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400">
                <a:latin typeface="Arial" panose="020B0604020202020204" pitchFamily="34" charset="0"/>
              </a:rPr>
              <a:t>・実装のための実証。ニーズの把握ができていない</a:t>
            </a:r>
            <a:endParaRPr lang="en-US" altLang="ja-JP" sz="2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en-US" altLang="ja-JP" sz="2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400">
                <a:latin typeface="Arial" panose="020B0604020202020204" pitchFamily="34" charset="0"/>
              </a:rPr>
              <a:t>・そもそも、実行するのは役所（官）</a:t>
            </a:r>
            <a:endParaRPr lang="en-US" altLang="ja-JP" sz="2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400">
                <a:latin typeface="Arial" panose="020B0604020202020204" pitchFamily="34" charset="0"/>
              </a:rPr>
              <a:t>　　大学やコンサルに相談しても実行はされない！</a:t>
            </a:r>
            <a:endParaRPr lang="en-US" altLang="ja-JP" sz="2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400">
                <a:latin typeface="Arial" panose="020B0604020202020204" pitchFamily="34" charset="0"/>
              </a:rPr>
              <a:t>　　　⇐これを忘れてる。わかっていない。</a:t>
            </a:r>
            <a:endParaRPr lang="en-US" altLang="ja-JP" sz="2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en-US" altLang="ja-JP" sz="2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400">
                <a:latin typeface="Arial" panose="020B0604020202020204" pitchFamily="34" charset="0"/>
              </a:rPr>
              <a:t>・言葉が通じない、温度差（官　⇔　民）理解する力</a:t>
            </a:r>
            <a:endParaRPr lang="en-US" altLang="ja-JP" sz="2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en-US" altLang="ja-JP" sz="2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400" b="1" u="sng">
                <a:latin typeface="Arial" panose="020B0604020202020204" pitchFamily="34" charset="0"/>
              </a:rPr>
              <a:t>実施者（官側）の課題</a:t>
            </a:r>
            <a:endParaRPr lang="en-US" altLang="ja-JP" sz="2400" b="1" u="sng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400">
                <a:latin typeface="Arial" panose="020B0604020202020204" pitchFamily="34" charset="0"/>
              </a:rPr>
              <a:t>・変わったことはしたくない。（評価を恐れる）⇒保身</a:t>
            </a:r>
            <a:endParaRPr lang="en-US" altLang="ja-JP" sz="240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2400">
                <a:latin typeface="Arial" panose="020B0604020202020204" pitchFamily="34" charset="0"/>
              </a:rPr>
              <a:t>　　挑戦心、度量、胆力（やってみる、失敗を恐れない）</a:t>
            </a:r>
          </a:p>
        </p:txBody>
      </p:sp>
      <p:sp>
        <p:nvSpPr>
          <p:cNvPr id="75780" name="テキスト ボックス 2">
            <a:extLst>
              <a:ext uri="{FF2B5EF4-FFF2-40B4-BE49-F238E27FC236}">
                <a16:creationId xmlns:a16="http://schemas.microsoft.com/office/drawing/2014/main" id="{BBE5638B-C21B-4B96-8AF6-3EE924B1F93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35013" y="6021388"/>
            <a:ext cx="6186487" cy="369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1400" b="1">
                <a:latin typeface="Arial" panose="020B0604020202020204" pitchFamily="34" charset="0"/>
              </a:rPr>
              <a:t>社会は、大きな変革期に来た！やってみることが重要！！</a:t>
            </a:r>
          </a:p>
        </p:txBody>
      </p:sp>
      <p:sp>
        <p:nvSpPr>
          <p:cNvPr id="75781" name="スライド番号プレースホルダー 4">
            <a:extLst>
              <a:ext uri="{FF2B5EF4-FFF2-40B4-BE49-F238E27FC236}">
                <a16:creationId xmlns:a16="http://schemas.microsoft.com/office/drawing/2014/main" id="{FA53F684-B087-494C-B06C-65B401C58EF9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9CE3A104-2956-474E-A676-B7EB5A4EEBF4}" type="slidenum">
              <a:rPr lang="ja-JP" altLang="en-US" sz="1200" smtClean="0">
                <a:solidFill>
                  <a:srgbClr val="898989"/>
                </a:solidFill>
                <a:latin typeface="Arial" panose="020B0604020202020204" pitchFamily="34" charset="0"/>
              </a:rPr>
              <a:pPr>
                <a:spcBef>
                  <a:spcPct val="0"/>
                </a:spcBef>
                <a:buFontTx/>
                <a:buNone/>
              </a:pPr>
              <a:t>54</a:t>
            </a:fld>
            <a:endParaRPr lang="ja-JP" altLang="en-US" sz="1200">
              <a:solidFill>
                <a:srgbClr val="898989"/>
              </a:solidFill>
              <a:latin typeface="Arial" panose="020B0604020202020204" pitchFamily="34" charset="0"/>
            </a:endParaRPr>
          </a:p>
        </p:txBody>
      </p:sp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>
            <a:extLst>
              <a:ext uri="{FF2B5EF4-FFF2-40B4-BE49-F238E27FC236}">
                <a16:creationId xmlns:a16="http://schemas.microsoft.com/office/drawing/2014/main" id="{C91254AB-BE3F-4EF6-90AF-A588CCE200B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152400"/>
            <a:ext cx="8229600" cy="539750"/>
          </a:xfrm>
        </p:spPr>
        <p:txBody>
          <a:bodyPr>
            <a:normAutofit fontScale="90000"/>
          </a:bodyPr>
          <a:lstStyle/>
          <a:p>
            <a:pPr>
              <a:defRPr/>
            </a:pPr>
            <a:r>
              <a:rPr lang="ja-JP" altLang="en-US" b="1" dirty="0"/>
              <a:t>自治体のニーズの課題</a:t>
            </a:r>
          </a:p>
        </p:txBody>
      </p:sp>
      <p:sp>
        <p:nvSpPr>
          <p:cNvPr id="75779" name="テキスト ボックス 3">
            <a:extLst>
              <a:ext uri="{FF2B5EF4-FFF2-40B4-BE49-F238E27FC236}">
                <a16:creationId xmlns:a16="http://schemas.microsoft.com/office/drawing/2014/main" id="{FE1AD9DA-1D9D-4DFC-B585-E1E09A545C2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79388" y="765175"/>
            <a:ext cx="8785225" cy="397031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3600" dirty="0">
                <a:latin typeface="Arial" panose="020B0604020202020204" pitchFamily="34" charset="0"/>
              </a:rPr>
              <a:t>それがわかっていない。</a:t>
            </a:r>
            <a:endParaRPr lang="en-US" altLang="ja-JP" sz="36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en-US" altLang="ja-JP" sz="36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3600" dirty="0">
                <a:latin typeface="Arial" panose="020B0604020202020204" pitchFamily="34" charset="0"/>
              </a:rPr>
              <a:t>過去の呪縛</a:t>
            </a:r>
            <a:endParaRPr lang="en-US" altLang="ja-JP" sz="36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en-US" altLang="ja-JP" sz="36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3600" dirty="0">
                <a:latin typeface="Arial" panose="020B0604020202020204" pitchFamily="34" charset="0"/>
              </a:rPr>
              <a:t>古い考え</a:t>
            </a:r>
            <a:endParaRPr lang="en-US" altLang="ja-JP" sz="36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en-US" altLang="ja-JP" sz="3600" dirty="0">
              <a:latin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ja-JP" altLang="en-US" sz="3600" dirty="0">
                <a:latin typeface="Arial" panose="020B0604020202020204" pitchFamily="34" charset="0"/>
              </a:rPr>
              <a:t>考えられない</a:t>
            </a:r>
          </a:p>
        </p:txBody>
      </p:sp>
      <p:sp>
        <p:nvSpPr>
          <p:cNvPr id="75780" name="テキスト ボックス 2">
            <a:extLst>
              <a:ext uri="{FF2B5EF4-FFF2-40B4-BE49-F238E27FC236}">
                <a16:creationId xmlns:a16="http://schemas.microsoft.com/office/drawing/2014/main" id="{BBE5638B-C21B-4B96-8AF6-3EE924B1F93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35013" y="6021388"/>
            <a:ext cx="6186487" cy="369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ja-JP" altLang="en-US" sz="1400" b="1">
                <a:latin typeface="Arial" panose="020B0604020202020204" pitchFamily="34" charset="0"/>
              </a:rPr>
              <a:t>社会は、大きな変革期に来た！やってみることが重要！！</a:t>
            </a:r>
          </a:p>
        </p:txBody>
      </p:sp>
      <p:sp>
        <p:nvSpPr>
          <p:cNvPr id="75781" name="スライド番号プレースホルダー 4">
            <a:extLst>
              <a:ext uri="{FF2B5EF4-FFF2-40B4-BE49-F238E27FC236}">
                <a16:creationId xmlns:a16="http://schemas.microsoft.com/office/drawing/2014/main" id="{FA53F684-B087-494C-B06C-65B401C58EF9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kumimoji="1" sz="32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kumimoji="1" sz="28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kumimoji="1" sz="24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kumimoji="1" sz="2000">
                <a:solidFill>
                  <a:schemeClr val="tx1"/>
                </a:solidFill>
                <a:latin typeface="Calibri" panose="020F0502020204030204" pitchFamily="34" charset="0"/>
                <a:ea typeface="ＭＳ Ｐゴシック" panose="020B0600070205080204" pitchFamily="50" charset="-128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9CE3A104-2956-474E-A676-B7EB5A4EEBF4}" type="slidenum">
              <a:rPr lang="ja-JP" altLang="en-US" sz="1200" smtClean="0">
                <a:solidFill>
                  <a:srgbClr val="898989"/>
                </a:solidFill>
                <a:latin typeface="Arial" panose="020B0604020202020204" pitchFamily="34" charset="0"/>
              </a:rPr>
              <a:pPr>
                <a:spcBef>
                  <a:spcPct val="0"/>
                </a:spcBef>
                <a:buFontTx/>
                <a:buNone/>
              </a:pPr>
              <a:t>55</a:t>
            </a:fld>
            <a:endParaRPr lang="ja-JP" altLang="en-US" sz="1200">
              <a:solidFill>
                <a:srgbClr val="898989"/>
              </a:solidFill>
              <a:latin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45778379"/>
      </p:ext>
    </p:extLst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8" name="角丸四角形 3"/>
          <p:cNvSpPr>
            <a:spLocks noChangeArrowheads="1"/>
          </p:cNvSpPr>
          <p:nvPr/>
        </p:nvSpPr>
        <p:spPr bwMode="auto">
          <a:xfrm>
            <a:off x="79131" y="2296"/>
            <a:ext cx="8502161" cy="6567672"/>
          </a:xfrm>
          <a:prstGeom prst="roundRect">
            <a:avLst>
              <a:gd name="adj" fmla="val 16667"/>
            </a:avLst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/>
          <a:lstStyle/>
          <a:p>
            <a:pPr>
              <a:defRPr/>
            </a:pPr>
            <a:endParaRPr lang="en-US" altLang="ja-JP" sz="2800" b="1" dirty="0">
              <a:solidFill>
                <a:srgbClr val="FF0000"/>
              </a:solidFill>
            </a:endParaRPr>
          </a:p>
          <a:p>
            <a:pPr>
              <a:defRPr/>
            </a:pPr>
            <a:r>
              <a:rPr lang="ja-JP" altLang="en-US" sz="2800" b="1" dirty="0"/>
              <a:t>○</a:t>
            </a:r>
            <a:r>
              <a:rPr lang="ja-JP" altLang="en-US" sz="2800" b="1" dirty="0">
                <a:latin typeface="HGS創英角ﾎﾟｯﾌﾟ体" panose="040B0A00000000000000" pitchFamily="50" charset="-128"/>
                <a:ea typeface="HGS創英角ﾎﾟｯﾌﾟ体" panose="040B0A00000000000000" pitchFamily="50" charset="-128"/>
              </a:rPr>
              <a:t>「マネジメント」＝「戦略」</a:t>
            </a:r>
            <a:endParaRPr lang="en-US" altLang="ja-JP" sz="2800" b="1" dirty="0">
              <a:latin typeface="HGS創英角ﾎﾟｯﾌﾟ体" panose="040B0A00000000000000" pitchFamily="50" charset="-128"/>
              <a:ea typeface="HGS創英角ﾎﾟｯﾌﾟ体" panose="040B0A00000000000000" pitchFamily="50" charset="-128"/>
            </a:endParaRPr>
          </a:p>
          <a:p>
            <a:pPr>
              <a:defRPr/>
            </a:pPr>
            <a:r>
              <a:rPr lang="ja-JP" altLang="en-US" sz="2800" b="1" dirty="0"/>
              <a:t>　　⇒孫子の兵法の第一</a:t>
            </a:r>
            <a:endParaRPr lang="en-US" altLang="ja-JP" sz="2800" b="1" dirty="0"/>
          </a:p>
          <a:p>
            <a:pPr>
              <a:defRPr/>
            </a:pPr>
            <a:r>
              <a:rPr lang="ja-JP" altLang="en-US" sz="2800" b="1" dirty="0"/>
              <a:t>　　　まずは、「敵を知り、己を知れば</a:t>
            </a:r>
            <a:r>
              <a:rPr lang="en-US" altLang="ja-JP" sz="2800" b="1" dirty="0"/>
              <a:t>100</a:t>
            </a:r>
            <a:r>
              <a:rPr lang="ja-JP" altLang="en-US" sz="2800" b="1" dirty="0"/>
              <a:t>戦危うからず」</a:t>
            </a:r>
            <a:endParaRPr lang="en-US" altLang="ja-JP" sz="2800" b="1" dirty="0"/>
          </a:p>
          <a:p>
            <a:pPr>
              <a:defRPr/>
            </a:pPr>
            <a:r>
              <a:rPr lang="ja-JP" altLang="en-US" sz="2800" b="1" dirty="0"/>
              <a:t>　　　ここからできていない　⇒負ける、</a:t>
            </a:r>
            <a:r>
              <a:rPr lang="en-US" altLang="ja-JP" sz="2800" b="1" dirty="0"/>
              <a:t>100</a:t>
            </a:r>
            <a:r>
              <a:rPr lang="ja-JP" altLang="en-US" sz="2800" b="1" dirty="0"/>
              <a:t>戦</a:t>
            </a:r>
            <a:r>
              <a:rPr lang="en-US" altLang="ja-JP" sz="2800" b="1" dirty="0"/>
              <a:t>100</a:t>
            </a:r>
            <a:r>
              <a:rPr lang="ja-JP" altLang="en-US" sz="2800" b="1" dirty="0"/>
              <a:t>敗の構図</a:t>
            </a:r>
            <a:endParaRPr lang="en-US" altLang="ja-JP" sz="2800" b="1" dirty="0"/>
          </a:p>
          <a:p>
            <a:pPr>
              <a:defRPr/>
            </a:pPr>
            <a:endParaRPr lang="en-US" altLang="ja-JP" sz="2800" b="1" dirty="0"/>
          </a:p>
          <a:p>
            <a:pPr>
              <a:defRPr/>
            </a:pPr>
            <a:r>
              <a:rPr lang="ja-JP" altLang="en-US" sz="2800" b="1" dirty="0">
                <a:latin typeface="AR P丸ゴシック体M" pitchFamily="50" charset="-128"/>
                <a:ea typeface="AR P丸ゴシック体M" pitchFamily="50" charset="-128"/>
              </a:rPr>
              <a:t>●「敵」とは</a:t>
            </a:r>
            <a:endParaRPr lang="en-US" altLang="ja-JP" sz="2800" b="1" dirty="0">
              <a:latin typeface="AR P丸ゴシック体M" pitchFamily="50" charset="-128"/>
              <a:ea typeface="AR P丸ゴシック体M" pitchFamily="50" charset="-128"/>
            </a:endParaRPr>
          </a:p>
          <a:p>
            <a:pPr>
              <a:defRPr/>
            </a:pPr>
            <a:r>
              <a:rPr lang="ja-JP" altLang="en-US" sz="2800" b="1" dirty="0">
                <a:latin typeface="AR P丸ゴシック体M" pitchFamily="50" charset="-128"/>
                <a:ea typeface="AR P丸ゴシック体M" pitchFamily="50" charset="-128"/>
              </a:rPr>
              <a:t>　　橋梁など構造物、対象物</a:t>
            </a:r>
            <a:endParaRPr lang="en-US" altLang="ja-JP" sz="2800" b="1" dirty="0">
              <a:latin typeface="AR P丸ゴシック体M" pitchFamily="50" charset="-128"/>
              <a:ea typeface="AR P丸ゴシック体M" pitchFamily="50" charset="-128"/>
            </a:endParaRPr>
          </a:p>
          <a:p>
            <a:pPr>
              <a:defRPr/>
            </a:pPr>
            <a:r>
              <a:rPr lang="ja-JP" altLang="en-US" sz="2800" b="1" spc="50" dirty="0">
                <a:ln w="11430"/>
                <a:latin typeface="HGS創英角ﾎﾟｯﾌﾟ体" pitchFamily="50" charset="-128"/>
                <a:ea typeface="AR P丸ゴシック体M" pitchFamily="50" charset="-128"/>
              </a:rPr>
              <a:t>●「己」とは、自分たち（役所、管理者＋協力者）</a:t>
            </a:r>
            <a:endParaRPr lang="en-US" altLang="ja-JP" sz="2800" b="1" spc="50" dirty="0">
              <a:ln w="11430"/>
              <a:latin typeface="HGS創英角ﾎﾟｯﾌﾟ体" pitchFamily="50" charset="-128"/>
              <a:ea typeface="AR P丸ゴシック体M" pitchFamily="50" charset="-128"/>
            </a:endParaRPr>
          </a:p>
          <a:p>
            <a:pPr>
              <a:defRPr/>
            </a:pPr>
            <a:r>
              <a:rPr lang="ja-JP" altLang="en-US" sz="2800" b="1" spc="50" dirty="0">
                <a:ln w="11430"/>
                <a:latin typeface="HGS創英角ﾎﾟｯﾌﾟ体" pitchFamily="50" charset="-128"/>
                <a:ea typeface="AR P丸ゴシック体M" pitchFamily="50" charset="-128"/>
              </a:rPr>
              <a:t>　　⇒戦力、</a:t>
            </a:r>
            <a:endParaRPr lang="en-US" altLang="ja-JP" sz="2800" b="1" spc="50" dirty="0">
              <a:ln w="11430"/>
              <a:latin typeface="HGS創英角ﾎﾟｯﾌﾟ体" pitchFamily="50" charset="-128"/>
              <a:ea typeface="AR P丸ゴシック体M" pitchFamily="50" charset="-128"/>
            </a:endParaRPr>
          </a:p>
          <a:p>
            <a:pPr>
              <a:defRPr/>
            </a:pPr>
            <a:r>
              <a:rPr lang="ja-JP" altLang="en-US" sz="2800" b="1" spc="50" dirty="0">
                <a:ln w="11430"/>
                <a:latin typeface="HGS創英角ﾎﾟｯﾌﾟ体" pitchFamily="50" charset="-128"/>
                <a:ea typeface="AR P丸ゴシック体M" pitchFamily="50" charset="-128"/>
              </a:rPr>
              <a:t>　　　技術者の数、技術力の習熟度、</a:t>
            </a:r>
            <a:endParaRPr lang="en-US" altLang="ja-JP" sz="2800" b="1" spc="50" dirty="0">
              <a:ln w="11430"/>
              <a:latin typeface="HGS創英角ﾎﾟｯﾌﾟ体" pitchFamily="50" charset="-128"/>
              <a:ea typeface="AR P丸ゴシック体M" pitchFamily="50" charset="-128"/>
            </a:endParaRPr>
          </a:p>
          <a:p>
            <a:pPr>
              <a:defRPr/>
            </a:pPr>
            <a:r>
              <a:rPr lang="ja-JP" altLang="en-US" sz="2800" b="1" spc="50" dirty="0">
                <a:ln w="11430"/>
                <a:latin typeface="HGS創英角ﾎﾟｯﾌﾟ体" pitchFamily="50" charset="-128"/>
                <a:ea typeface="AR P丸ゴシック体M" pitchFamily="50" charset="-128"/>
              </a:rPr>
              <a:t>　　　ツール　⇒ドローン、</a:t>
            </a:r>
            <a:r>
              <a:rPr lang="en-US" altLang="ja-JP" sz="2800" b="1" spc="50" dirty="0">
                <a:ln w="11430"/>
                <a:latin typeface="HGS創英角ﾎﾟｯﾌﾟ体" pitchFamily="50" charset="-128"/>
                <a:ea typeface="AR P丸ゴシック体M" pitchFamily="50" charset="-128"/>
              </a:rPr>
              <a:t>AI</a:t>
            </a:r>
            <a:r>
              <a:rPr lang="ja-JP" altLang="en-US" sz="2800" b="1" spc="50" dirty="0">
                <a:ln w="11430"/>
                <a:latin typeface="HGS創英角ﾎﾟｯﾌﾟ体" pitchFamily="50" charset="-128"/>
                <a:ea typeface="AR P丸ゴシック体M" pitchFamily="50" charset="-128"/>
              </a:rPr>
              <a:t>、ﾓﾆﾀﾘﾝｸﾞｼｽﾃﾑ</a:t>
            </a:r>
            <a:endParaRPr lang="en-US" altLang="ja-JP" sz="2800" b="1" spc="50" dirty="0">
              <a:ln w="11430"/>
              <a:latin typeface="HGS創英角ﾎﾟｯﾌﾟ体" pitchFamily="50" charset="-128"/>
              <a:ea typeface="AR P丸ゴシック体M" pitchFamily="50" charset="-128"/>
            </a:endParaRPr>
          </a:p>
          <a:p>
            <a:pPr>
              <a:defRPr/>
            </a:pPr>
            <a:r>
              <a:rPr lang="ja-JP" altLang="en-US" sz="2800" b="1" spc="50" dirty="0">
                <a:ln w="11430"/>
                <a:latin typeface="HGS創英角ﾎﾟｯﾌﾟ体" pitchFamily="50" charset="-128"/>
                <a:ea typeface="AR P丸ゴシック体M" pitchFamily="50" charset="-128"/>
              </a:rPr>
              <a:t>　　　　　　　　種々の新技術・・・・</a:t>
            </a:r>
            <a:endParaRPr lang="en-US" altLang="ja-JP" sz="2800" b="1" spc="50" dirty="0">
              <a:ln w="11430"/>
              <a:latin typeface="HGS創英角ﾎﾟｯﾌﾟ体" pitchFamily="50" charset="-128"/>
              <a:ea typeface="AR P丸ゴシック体M" pitchFamily="50" charset="-128"/>
            </a:endParaRPr>
          </a:p>
          <a:p>
            <a:pPr>
              <a:defRPr/>
            </a:pPr>
            <a:r>
              <a:rPr lang="ja-JP" altLang="en-US" sz="2800" b="1" spc="50" dirty="0">
                <a:ln w="11430"/>
                <a:latin typeface="HGS創英角ﾎﾟｯﾌﾟ体" pitchFamily="50" charset="-128"/>
                <a:ea typeface="AR P丸ゴシック体M" pitchFamily="50" charset="-128"/>
              </a:rPr>
              <a:t>　</a:t>
            </a:r>
            <a:endParaRPr lang="en-US" altLang="ja-JP" sz="2800" b="1" spc="50" dirty="0">
              <a:ln w="11430"/>
              <a:latin typeface="HGS創英角ﾎﾟｯﾌﾟ体" pitchFamily="50" charset="-128"/>
              <a:ea typeface="AR P丸ゴシック体M" pitchFamily="50" charset="-128"/>
            </a:endParaRPr>
          </a:p>
          <a:p>
            <a:pPr>
              <a:defRPr/>
            </a:pPr>
            <a:endParaRPr lang="en-US" altLang="ja-JP" sz="2800" b="1" spc="50" dirty="0">
              <a:ln w="11430"/>
              <a:latin typeface="HGS創英角ﾎﾟｯﾌﾟ体" pitchFamily="50" charset="-128"/>
              <a:ea typeface="HGS創英角ﾎﾟｯﾌﾟ体" pitchFamily="50" charset="-128"/>
            </a:endParaRPr>
          </a:p>
        </p:txBody>
      </p:sp>
      <p:sp>
        <p:nvSpPr>
          <p:cNvPr id="28675" name="スライド番号プレースホルダー 1"/>
          <p:cNvSpPr>
            <a:spLocks noGrp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>
            <a:lvl1pPr>
              <a:spcBef>
                <a:spcPts val="600"/>
              </a:spcBef>
              <a:buClr>
                <a:schemeClr val="accent1"/>
              </a:buClr>
              <a:buSzPct val="76000"/>
              <a:buFont typeface="Wingdings 3" pitchFamily="18" charset="2"/>
              <a:buChar char=""/>
              <a:defRPr kumimoji="1" sz="2600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1pPr>
            <a:lvl2pPr marL="742950" indent="-285750">
              <a:spcBef>
                <a:spcPts val="500"/>
              </a:spcBef>
              <a:buClr>
                <a:schemeClr val="accent2"/>
              </a:buClr>
              <a:buSzPct val="76000"/>
              <a:buFont typeface="Wingdings 3" pitchFamily="18" charset="2"/>
              <a:buChar char=""/>
              <a:defRPr kumimoji="1" sz="2300">
                <a:solidFill>
                  <a:schemeClr val="tx2"/>
                </a:solidFill>
                <a:latin typeface="Gill Sans MT" pitchFamily="34" charset="0"/>
                <a:ea typeface="ＭＳ Ｐゴシック" charset="-128"/>
              </a:defRPr>
            </a:lvl2pPr>
            <a:lvl3pPr marL="1143000" indent="-228600">
              <a:spcBef>
                <a:spcPts val="500"/>
              </a:spcBef>
              <a:buClr>
                <a:srgbClr val="BCBCBC"/>
              </a:buClr>
              <a:buSzPct val="76000"/>
              <a:buFont typeface="Wingdings 3" pitchFamily="18" charset="2"/>
              <a:buChar char=""/>
              <a:defRPr kumimoji="1" sz="2000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3pPr>
            <a:lvl4pPr marL="1600200" indent="-228600">
              <a:spcBef>
                <a:spcPts val="400"/>
              </a:spcBef>
              <a:buClr>
                <a:srgbClr val="8BA2B4"/>
              </a:buClr>
              <a:buSzPct val="70000"/>
              <a:buFont typeface="Wingdings" pitchFamily="2" charset="2"/>
              <a:buChar char=""/>
              <a:defRPr kumimoji="1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4pPr>
            <a:lvl5pPr marL="2057400" indent="-228600">
              <a:spcBef>
                <a:spcPts val="300"/>
              </a:spcBef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5pPr>
            <a:lvl6pPr marL="2514600" indent="-228600" fontAlgn="base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6pPr>
            <a:lvl7pPr marL="2971800" indent="-228600" fontAlgn="base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7pPr>
            <a:lvl8pPr marL="3429000" indent="-228600" fontAlgn="base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8pPr>
            <a:lvl9pPr marL="3886200" indent="-228600" fontAlgn="base">
              <a:spcBef>
                <a:spcPts val="300"/>
              </a:spcBef>
              <a:spcAft>
                <a:spcPct val="0"/>
              </a:spcAft>
              <a:buClr>
                <a:schemeClr val="accent2"/>
              </a:buClr>
              <a:buSzPct val="70000"/>
              <a:buFont typeface="Wingdings" pitchFamily="2" charset="2"/>
              <a:buChar char=""/>
              <a:defRPr kumimoji="1" sz="1600">
                <a:solidFill>
                  <a:schemeClr val="tx1"/>
                </a:solidFill>
                <a:latin typeface="Gill Sans MT" pitchFamily="34" charset="0"/>
                <a:ea typeface="ＭＳ Ｐゴシック" charset="-128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fld id="{600F97BF-57A9-42A1-9D5B-E49F35A5C48F}" type="slidenum">
              <a:rPr lang="en-US" altLang="ja-JP" sz="1400">
                <a:latin typeface="Arial" charset="0"/>
              </a:rPr>
              <a:pPr>
                <a:spcBef>
                  <a:spcPct val="0"/>
                </a:spcBef>
                <a:buClrTx/>
                <a:buSzTx/>
                <a:buFontTx/>
                <a:buNone/>
              </a:pPr>
              <a:t>56</a:t>
            </a:fld>
            <a:endParaRPr lang="en-US" altLang="ja-JP" sz="1400">
              <a:latin typeface="Arial" charset="0"/>
            </a:endParaRPr>
          </a:p>
        </p:txBody>
      </p:sp>
      <p:sp>
        <p:nvSpPr>
          <p:cNvPr id="7171" name="角丸四角形 2"/>
          <p:cNvSpPr>
            <a:spLocks noChangeArrowheads="1"/>
          </p:cNvSpPr>
          <p:nvPr/>
        </p:nvSpPr>
        <p:spPr bwMode="auto">
          <a:xfrm>
            <a:off x="2" y="2297"/>
            <a:ext cx="9136741" cy="690401"/>
          </a:xfrm>
          <a:prstGeom prst="roundRect">
            <a:avLst>
              <a:gd name="adj" fmla="val 16667"/>
            </a:avLst>
          </a:prstGeom>
          <a:noFill/>
          <a:ln w="9525" algn="ctr">
            <a:noFill/>
            <a:miter lim="800000"/>
            <a:headEnd/>
            <a:tailEnd/>
          </a:ln>
        </p:spPr>
        <p:txBody>
          <a:bodyPr wrap="none"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>
              <a:defRPr/>
            </a:pPr>
            <a:r>
              <a:rPr lang="ja-JP" altLang="en-US" sz="3600" b="1" dirty="0">
                <a:ln w="11430"/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latin typeface="HG創英角ｺﾞｼｯｸUB" panose="020B0909000000000000" pitchFamily="49" charset="-128"/>
                <a:ea typeface="HG創英角ｺﾞｼｯｸUB" panose="020B0909000000000000" pitchFamily="49" charset="-128"/>
              </a:rPr>
              <a:t>ｲﾝﾌﾗﾒﾝﾃﾅﾝｽでは的確なマネジメントが必要</a:t>
            </a:r>
            <a:endParaRPr lang="en-US" altLang="ja-JP" sz="3600" b="1" dirty="0">
              <a:ln w="11430"/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  <a:latin typeface="HG創英角ｺﾞｼｯｸUB" panose="020B0909000000000000" pitchFamily="49" charset="-128"/>
              <a:ea typeface="HG創英角ｺﾞｼｯｸUB" panose="020B0909000000000000" pitchFamily="49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043361911"/>
      </p:ext>
    </p:extLst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テキスト ボックス 1">
            <a:extLst>
              <a:ext uri="{FF2B5EF4-FFF2-40B4-BE49-F238E27FC236}">
                <a16:creationId xmlns:a16="http://schemas.microsoft.com/office/drawing/2014/main" id="{3C84ABB7-3915-4DFC-BF81-A58F1259C950}"/>
              </a:ext>
            </a:extLst>
          </p:cNvPr>
          <p:cNvSpPr txBox="1"/>
          <p:nvPr/>
        </p:nvSpPr>
        <p:spPr>
          <a:xfrm>
            <a:off x="539552" y="151179"/>
            <a:ext cx="7798930" cy="64325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3200" dirty="0"/>
              <a:t>例）橋。　橋のことをどれだけ知ってますか？</a:t>
            </a:r>
            <a:endParaRPr kumimoji="1" lang="en-US" altLang="ja-JP" sz="3200" dirty="0"/>
          </a:p>
          <a:p>
            <a:endParaRPr lang="en-US" altLang="ja-JP" sz="2000" dirty="0"/>
          </a:p>
          <a:p>
            <a:r>
              <a:rPr kumimoji="1" lang="ja-JP" altLang="en-US" sz="2000" dirty="0"/>
              <a:t>・橋の基準を理解してますか？作成したことはありますか？</a:t>
            </a:r>
            <a:endParaRPr kumimoji="1" lang="en-US" altLang="ja-JP" sz="2000" dirty="0"/>
          </a:p>
          <a:p>
            <a:endParaRPr lang="en-US" altLang="ja-JP" sz="2000" dirty="0"/>
          </a:p>
          <a:p>
            <a:r>
              <a:rPr kumimoji="1" lang="ja-JP" altLang="en-US" sz="2000" dirty="0"/>
              <a:t>・橋の計画・設計の経験は？</a:t>
            </a:r>
            <a:endParaRPr kumimoji="1" lang="en-US" altLang="ja-JP" sz="2000" dirty="0"/>
          </a:p>
          <a:p>
            <a:endParaRPr lang="en-US" altLang="ja-JP" sz="2000" dirty="0"/>
          </a:p>
          <a:p>
            <a:r>
              <a:rPr kumimoji="1" lang="ja-JP" altLang="en-US" sz="2000" dirty="0"/>
              <a:t>・橋を作ったことはありますか？</a:t>
            </a:r>
            <a:endParaRPr kumimoji="1" lang="en-US" altLang="ja-JP" sz="2000" dirty="0"/>
          </a:p>
          <a:p>
            <a:endParaRPr lang="en-US" altLang="ja-JP" sz="2000" dirty="0"/>
          </a:p>
          <a:p>
            <a:r>
              <a:rPr kumimoji="1" lang="ja-JP" altLang="en-US" sz="2000" dirty="0"/>
              <a:t>・橋を運用管理した経験はありますか？</a:t>
            </a:r>
            <a:endParaRPr kumimoji="1" lang="en-US" altLang="ja-JP" sz="2000" dirty="0"/>
          </a:p>
          <a:p>
            <a:endParaRPr lang="en-US" altLang="ja-JP" sz="2000" dirty="0"/>
          </a:p>
          <a:p>
            <a:r>
              <a:rPr kumimoji="1" lang="ja-JP" altLang="en-US" sz="2000" dirty="0"/>
              <a:t>・非破壊検査は知ってますか？</a:t>
            </a:r>
            <a:endParaRPr kumimoji="1" lang="en-US" altLang="ja-JP" sz="2000" dirty="0"/>
          </a:p>
          <a:p>
            <a:endParaRPr lang="en-US" altLang="ja-JP" sz="2000" dirty="0"/>
          </a:p>
          <a:p>
            <a:r>
              <a:rPr kumimoji="1" lang="ja-JP" altLang="en-US" sz="2000" dirty="0"/>
              <a:t>・橋の壊したこと、壊れるところ見たことありますか？</a:t>
            </a:r>
            <a:endParaRPr kumimoji="1" lang="en-US" altLang="ja-JP" sz="2000" dirty="0"/>
          </a:p>
          <a:p>
            <a:endParaRPr lang="en-US" altLang="ja-JP" sz="2000" dirty="0"/>
          </a:p>
          <a:p>
            <a:r>
              <a:rPr lang="ja-JP" altLang="en-US" sz="2000" dirty="0"/>
              <a:t>・補修設計、補修の経験は？材料、工法に関しては？</a:t>
            </a:r>
            <a:endParaRPr lang="en-US" altLang="ja-JP" sz="2000" dirty="0"/>
          </a:p>
          <a:p>
            <a:endParaRPr kumimoji="1" lang="en-US" altLang="ja-JP" sz="2000" dirty="0"/>
          </a:p>
          <a:p>
            <a:r>
              <a:rPr lang="ja-JP" altLang="en-US" sz="2000" dirty="0"/>
              <a:t>・モニタリングの経験は？</a:t>
            </a:r>
            <a:endParaRPr lang="en-US" altLang="ja-JP" sz="2000" dirty="0"/>
          </a:p>
          <a:p>
            <a:endParaRPr kumimoji="1" lang="en-US" altLang="ja-JP" sz="2000" dirty="0"/>
          </a:p>
          <a:p>
            <a:r>
              <a:rPr lang="ja-JP" altLang="en-US" sz="2000" dirty="0"/>
              <a:t>・架け替えた経験は？</a:t>
            </a:r>
            <a:endParaRPr lang="en-US" altLang="ja-JP" sz="2000" dirty="0"/>
          </a:p>
          <a:p>
            <a:r>
              <a:rPr kumimoji="1" lang="ja-JP" altLang="en-US" sz="2000" dirty="0"/>
              <a:t>・・・・・・</a:t>
            </a:r>
          </a:p>
        </p:txBody>
      </p:sp>
      <p:sp>
        <p:nvSpPr>
          <p:cNvPr id="3" name="爆発: 8 pt 2">
            <a:extLst>
              <a:ext uri="{FF2B5EF4-FFF2-40B4-BE49-F238E27FC236}">
                <a16:creationId xmlns:a16="http://schemas.microsoft.com/office/drawing/2014/main" id="{43D8850F-EAB0-4BDA-AA80-48B7100AB5D4}"/>
              </a:ext>
            </a:extLst>
          </p:cNvPr>
          <p:cNvSpPr/>
          <p:nvPr/>
        </p:nvSpPr>
        <p:spPr>
          <a:xfrm>
            <a:off x="4644008" y="1412776"/>
            <a:ext cx="4608512" cy="2125693"/>
          </a:xfrm>
          <a:prstGeom prst="irregularSeal1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>
                <a:solidFill>
                  <a:schemeClr val="tx1"/>
                </a:solidFill>
              </a:rPr>
              <a:t>インフラメンテナンス</a:t>
            </a:r>
            <a:endParaRPr kumimoji="1" lang="en-US" altLang="ja-JP" dirty="0">
              <a:solidFill>
                <a:schemeClr val="tx1"/>
              </a:solidFill>
            </a:endParaRPr>
          </a:p>
          <a:p>
            <a:pPr algn="ctr"/>
            <a:r>
              <a:rPr lang="ja-JP" altLang="en-US" dirty="0">
                <a:solidFill>
                  <a:schemeClr val="tx1"/>
                </a:solidFill>
              </a:rPr>
              <a:t>対象物＋自治体</a:t>
            </a:r>
            <a:endParaRPr lang="en-US" altLang="ja-JP" dirty="0">
              <a:solidFill>
                <a:schemeClr val="tx1"/>
              </a:solidFill>
            </a:endParaRPr>
          </a:p>
          <a:p>
            <a:pPr algn="ctr"/>
            <a:r>
              <a:rPr kumimoji="1" lang="ja-JP" altLang="en-US" dirty="0">
                <a:solidFill>
                  <a:schemeClr val="tx1"/>
                </a:solidFill>
              </a:rPr>
              <a:t>の実態を把握してる？</a:t>
            </a:r>
          </a:p>
        </p:txBody>
      </p:sp>
      <p:sp>
        <p:nvSpPr>
          <p:cNvPr id="4" name="爆発: 8 pt 3">
            <a:extLst>
              <a:ext uri="{FF2B5EF4-FFF2-40B4-BE49-F238E27FC236}">
                <a16:creationId xmlns:a16="http://schemas.microsoft.com/office/drawing/2014/main" id="{EB330C89-4E96-46A0-A889-D31B7C4E34DF}"/>
              </a:ext>
            </a:extLst>
          </p:cNvPr>
          <p:cNvSpPr/>
          <p:nvPr/>
        </p:nvSpPr>
        <p:spPr>
          <a:xfrm>
            <a:off x="5292080" y="4809978"/>
            <a:ext cx="3744416" cy="2125693"/>
          </a:xfrm>
          <a:prstGeom prst="irregularSeal1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>
                <a:solidFill>
                  <a:schemeClr val="tx1"/>
                </a:solidFill>
              </a:rPr>
              <a:t>してなければ、</a:t>
            </a:r>
            <a:endParaRPr lang="en-US" altLang="ja-JP" dirty="0">
              <a:solidFill>
                <a:schemeClr val="tx1"/>
              </a:solidFill>
            </a:endParaRPr>
          </a:p>
          <a:p>
            <a:pPr algn="ctr"/>
            <a:r>
              <a:rPr lang="ja-JP" altLang="en-US" dirty="0">
                <a:solidFill>
                  <a:schemeClr val="tx1"/>
                </a:solidFill>
              </a:rPr>
              <a:t>必ず</a:t>
            </a:r>
            <a:r>
              <a:rPr lang="ja-JP" altLang="en-US">
                <a:solidFill>
                  <a:schemeClr val="tx1"/>
                </a:solidFill>
              </a:rPr>
              <a:t>負ける！</a:t>
            </a:r>
            <a:endParaRPr kumimoji="1" lang="ja-JP" altLang="en-US" dirty="0">
              <a:solidFill>
                <a:schemeClr val="tx1"/>
              </a:solidFill>
            </a:endParaRPr>
          </a:p>
        </p:txBody>
      </p:sp>
      <p:sp>
        <p:nvSpPr>
          <p:cNvPr id="5" name="矢印: 下 4">
            <a:extLst>
              <a:ext uri="{FF2B5EF4-FFF2-40B4-BE49-F238E27FC236}">
                <a16:creationId xmlns:a16="http://schemas.microsoft.com/office/drawing/2014/main" id="{07F3D025-2529-4362-BD95-39146220D979}"/>
              </a:ext>
            </a:extLst>
          </p:cNvPr>
          <p:cNvSpPr/>
          <p:nvPr/>
        </p:nvSpPr>
        <p:spPr>
          <a:xfrm>
            <a:off x="6408204" y="3593477"/>
            <a:ext cx="1080120" cy="978408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732389403"/>
      </p:ext>
    </p:extLst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300" name="テキスト ボックス 14">
            <a:extLst>
              <a:ext uri="{FF2B5EF4-FFF2-40B4-BE49-F238E27FC236}">
                <a16:creationId xmlns:a16="http://schemas.microsoft.com/office/drawing/2014/main" id="{D3C89C84-EFB6-4B9E-BABF-410E5921981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28330" y="105929"/>
            <a:ext cx="6598281" cy="5232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32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50" charset="-128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ja-JP" altLang="en-US" sz="2800" dirty="0"/>
              <a:t>今後のインフラマネジメントで必要なもの！</a:t>
            </a:r>
          </a:p>
        </p:txBody>
      </p:sp>
      <p:sp>
        <p:nvSpPr>
          <p:cNvPr id="15" name="スライド番号プレースホルダー 14">
            <a:extLst>
              <a:ext uri="{FF2B5EF4-FFF2-40B4-BE49-F238E27FC236}">
                <a16:creationId xmlns:a16="http://schemas.microsoft.com/office/drawing/2014/main" id="{F8BEA8E5-0DA0-4F97-8389-93E2D216754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5A2C38-BF5A-4117-A3B3-4E986D472ED9}" type="slidenum">
              <a:rPr kumimoji="1" lang="ja-JP" altLang="en-US" smtClean="0"/>
              <a:t>58</a:t>
            </a:fld>
            <a:endParaRPr kumimoji="1" lang="ja-JP" altLang="en-US" dirty="0"/>
          </a:p>
        </p:txBody>
      </p:sp>
      <p:graphicFrame>
        <p:nvGraphicFramePr>
          <p:cNvPr id="10" name="図表 9">
            <a:extLst>
              <a:ext uri="{FF2B5EF4-FFF2-40B4-BE49-F238E27FC236}">
                <a16:creationId xmlns:a16="http://schemas.microsoft.com/office/drawing/2014/main" id="{FCC4842B-EE1B-46AF-AC37-9BA73DC786E1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3983564589"/>
              </p:ext>
            </p:extLst>
          </p:nvPr>
        </p:nvGraphicFramePr>
        <p:xfrm>
          <a:off x="-180528" y="980728"/>
          <a:ext cx="8072393" cy="4896544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pic>
        <p:nvPicPr>
          <p:cNvPr id="13" name="図 12">
            <a:extLst>
              <a:ext uri="{FF2B5EF4-FFF2-40B4-BE49-F238E27FC236}">
                <a16:creationId xmlns:a16="http://schemas.microsoft.com/office/drawing/2014/main" id="{4F792F57-44C7-48DB-9B50-A38B9E817A6A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5496051" y="4670087"/>
            <a:ext cx="1530229" cy="1530229"/>
          </a:xfrm>
          <a:prstGeom prst="rect">
            <a:avLst/>
          </a:prstGeom>
        </p:spPr>
      </p:pic>
      <p:grpSp>
        <p:nvGrpSpPr>
          <p:cNvPr id="9" name="グループ化 8">
            <a:extLst>
              <a:ext uri="{FF2B5EF4-FFF2-40B4-BE49-F238E27FC236}">
                <a16:creationId xmlns:a16="http://schemas.microsoft.com/office/drawing/2014/main" id="{7778FB36-0ABE-4856-A8FE-0DBE4C8E3D75}"/>
              </a:ext>
            </a:extLst>
          </p:cNvPr>
          <p:cNvGrpSpPr/>
          <p:nvPr/>
        </p:nvGrpSpPr>
        <p:grpSpPr>
          <a:xfrm>
            <a:off x="7154874" y="2777033"/>
            <a:ext cx="1910483" cy="1948111"/>
            <a:chOff x="6654777" y="1532192"/>
            <a:chExt cx="1910483" cy="1141677"/>
          </a:xfrm>
        </p:grpSpPr>
        <p:sp>
          <p:nvSpPr>
            <p:cNvPr id="11" name="楕円 10">
              <a:extLst>
                <a:ext uri="{FF2B5EF4-FFF2-40B4-BE49-F238E27FC236}">
                  <a16:creationId xmlns:a16="http://schemas.microsoft.com/office/drawing/2014/main" id="{AB2840F2-EAF4-4D0A-8BBF-CF274FA21674}"/>
                </a:ext>
              </a:extLst>
            </p:cNvPr>
            <p:cNvSpPr/>
            <p:nvPr/>
          </p:nvSpPr>
          <p:spPr>
            <a:xfrm>
              <a:off x="6654777" y="1532192"/>
              <a:ext cx="1910483" cy="1141677"/>
            </a:xfrm>
            <a:prstGeom prst="ellipse">
              <a:avLst/>
            </a:prstGeom>
            <a:solidFill>
              <a:schemeClr val="accent2">
                <a:lumMod val="40000"/>
                <a:lumOff val="60000"/>
              </a:schemeClr>
            </a:solidFill>
          </p:spPr>
          <p:style>
            <a:lnRef idx="0">
              <a:schemeClr val="lt1">
                <a:hueOff val="0"/>
                <a:satOff val="0"/>
                <a:lumOff val="0"/>
                <a:alphaOff val="0"/>
              </a:schemeClr>
            </a:lnRef>
            <a:fillRef idx="3">
              <a:schemeClr val="accent5">
                <a:hueOff val="-3311292"/>
                <a:satOff val="13270"/>
                <a:lumOff val="2876"/>
                <a:alphaOff val="0"/>
              </a:schemeClr>
            </a:fillRef>
            <a:effectRef idx="3">
              <a:schemeClr val="accent5">
                <a:hueOff val="-3311292"/>
                <a:satOff val="13270"/>
                <a:lumOff val="2876"/>
                <a:alphaOff val="0"/>
              </a:schemeClr>
            </a:effectRef>
            <a:fontRef idx="minor">
              <a:schemeClr val="lt1"/>
            </a:fontRef>
          </p:style>
          <p:txBody>
            <a:bodyPr/>
            <a:lstStyle/>
            <a:p>
              <a:endParaRPr lang="ja-JP" altLang="en-US" dirty="0"/>
            </a:p>
          </p:txBody>
        </p:sp>
        <p:sp>
          <p:nvSpPr>
            <p:cNvPr id="12" name="楕円 4">
              <a:extLst>
                <a:ext uri="{FF2B5EF4-FFF2-40B4-BE49-F238E27FC236}">
                  <a16:creationId xmlns:a16="http://schemas.microsoft.com/office/drawing/2014/main" id="{B17BD19E-A757-4E58-9BF4-92C89CC4B47A}"/>
                </a:ext>
              </a:extLst>
            </p:cNvPr>
            <p:cNvSpPr txBox="1"/>
            <p:nvPr/>
          </p:nvSpPr>
          <p:spPr>
            <a:xfrm>
              <a:off x="6934561" y="1699387"/>
              <a:ext cx="1350915" cy="807287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lt1"/>
            </a:fontRef>
          </p:style>
          <p:txBody>
            <a:bodyPr spcFirstLastPara="0" vert="horz" wrap="square" lIns="25400" tIns="25400" rIns="25400" bIns="25400" numCol="1" spcCol="1270" anchor="ctr" anchorCtr="0">
              <a:noAutofit/>
            </a:bodyPr>
            <a:lstStyle/>
            <a:p>
              <a:pPr marL="0" lvl="0" indent="0" algn="ctr" defTabSz="8890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buNone/>
              </a:pPr>
              <a:r>
                <a:rPr kumimoji="1" lang="ja-JP" altLang="en-US" sz="2000" b="1" kern="1200" dirty="0">
                  <a:solidFill>
                    <a:schemeClr val="tx1"/>
                  </a:solidFill>
                  <a:latin typeface="HGPｺﾞｼｯｸM" panose="020B0600000000000000" pitchFamily="50" charset="-128"/>
                  <a:ea typeface="HGPｺﾞｼｯｸM" panose="020B0600000000000000" pitchFamily="50" charset="-128"/>
                </a:rPr>
                <a:t>お金</a:t>
              </a:r>
              <a:endParaRPr kumimoji="1" lang="en-US" altLang="ja-JP" sz="2000" b="1" kern="1200" dirty="0">
                <a:solidFill>
                  <a:schemeClr val="tx1"/>
                </a:solidFill>
                <a:latin typeface="HGPｺﾞｼｯｸM" panose="020B0600000000000000" pitchFamily="50" charset="-128"/>
                <a:ea typeface="HGPｺﾞｼｯｸM" panose="020B0600000000000000" pitchFamily="50" charset="-128"/>
              </a:endParaRPr>
            </a:p>
            <a:p>
              <a:pPr marL="0" lvl="0" indent="0" algn="ctr" defTabSz="8890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buNone/>
              </a:pPr>
              <a:r>
                <a:rPr kumimoji="1" lang="ja-JP" altLang="en-US" sz="2000" b="1" kern="1200" dirty="0">
                  <a:solidFill>
                    <a:schemeClr val="tx1"/>
                  </a:solidFill>
                  <a:latin typeface="HGPｺﾞｼｯｸM" panose="020B0600000000000000" pitchFamily="50" charset="-128"/>
                  <a:ea typeface="HGPｺﾞｼｯｸM" panose="020B0600000000000000" pitchFamily="50" charset="-128"/>
                </a:rPr>
                <a:t>（財政）</a:t>
              </a:r>
              <a:endParaRPr kumimoji="1" lang="en-US" altLang="ja-JP" sz="2000" b="1" kern="1200" dirty="0">
                <a:solidFill>
                  <a:schemeClr val="tx1"/>
                </a:solidFill>
                <a:latin typeface="HGPｺﾞｼｯｸM" panose="020B0600000000000000" pitchFamily="50" charset="-128"/>
                <a:ea typeface="HGPｺﾞｼｯｸM" panose="020B0600000000000000" pitchFamily="50" charset="-128"/>
              </a:endParaRPr>
            </a:p>
            <a:p>
              <a:pPr marL="0" lvl="0" indent="0" algn="ctr" defTabSz="8890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  <a:buNone/>
              </a:pPr>
              <a:r>
                <a:rPr lang="ja-JP" altLang="en-US" sz="2000" b="1" dirty="0">
                  <a:solidFill>
                    <a:schemeClr val="tx1"/>
                  </a:solidFill>
                  <a:latin typeface="HGPｺﾞｼｯｸM" panose="020B0600000000000000" pitchFamily="50" charset="-128"/>
                  <a:ea typeface="HGPｺﾞｼｯｸM" panose="020B0600000000000000" pitchFamily="50" charset="-128"/>
                </a:rPr>
                <a:t>民間資金</a:t>
              </a:r>
              <a:endParaRPr kumimoji="1" lang="ja-JP" altLang="en-US" sz="2000" b="1" kern="1200" dirty="0">
                <a:solidFill>
                  <a:schemeClr val="tx1"/>
                </a:solidFill>
                <a:latin typeface="HGPｺﾞｼｯｸM" panose="020B0600000000000000" pitchFamily="50" charset="-128"/>
                <a:ea typeface="HGPｺﾞｼｯｸM" panose="020B0600000000000000" pitchFamily="50" charset="-128"/>
              </a:endParaRPr>
            </a:p>
          </p:txBody>
        </p:sp>
      </p:grpSp>
      <p:sp>
        <p:nvSpPr>
          <p:cNvPr id="18" name="角丸四角形 2">
            <a:extLst>
              <a:ext uri="{FF2B5EF4-FFF2-40B4-BE49-F238E27FC236}">
                <a16:creationId xmlns:a16="http://schemas.microsoft.com/office/drawing/2014/main" id="{4520C686-9A16-4787-8834-C7ECF2F214DD}"/>
              </a:ext>
            </a:extLst>
          </p:cNvPr>
          <p:cNvSpPr/>
          <p:nvPr/>
        </p:nvSpPr>
        <p:spPr>
          <a:xfrm>
            <a:off x="251520" y="4344021"/>
            <a:ext cx="2736304" cy="2012329"/>
          </a:xfrm>
          <a:prstGeom prst="roundRect">
            <a:avLst/>
          </a:prstGeom>
          <a:solidFill>
            <a:srgbClr val="FFFF00"/>
          </a:solidFill>
          <a:ln w="76200">
            <a:solidFill>
              <a:srgbClr val="0020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r>
              <a:rPr lang="ja-JP" altLang="en-US" sz="2400" b="1" dirty="0">
                <a:solidFill>
                  <a:schemeClr val="tx1"/>
                </a:solidFill>
              </a:rPr>
              <a:t>技術者</a:t>
            </a:r>
            <a:endParaRPr lang="en-US" altLang="ja-JP" sz="2400" b="1" dirty="0">
              <a:solidFill>
                <a:schemeClr val="tx1"/>
              </a:solidFill>
            </a:endParaRPr>
          </a:p>
          <a:p>
            <a:pPr algn="ctr"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現場知見・実物経験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 algn="ctr"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先進性・興味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 algn="ctr"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俯瞰的目・責任感</a:t>
            </a:r>
            <a:endParaRPr lang="en-US" altLang="ja-JP" sz="1600" b="1" dirty="0">
              <a:solidFill>
                <a:schemeClr val="tx1"/>
              </a:solidFill>
            </a:endParaRPr>
          </a:p>
          <a:p>
            <a:pPr algn="ctr">
              <a:defRPr/>
            </a:pPr>
            <a:r>
              <a:rPr lang="ja-JP" altLang="en-US" sz="1600" b="1" dirty="0">
                <a:solidFill>
                  <a:schemeClr val="tx1"/>
                </a:solidFill>
              </a:rPr>
              <a:t>度量</a:t>
            </a:r>
          </a:p>
        </p:txBody>
      </p:sp>
    </p:spTree>
    <p:extLst>
      <p:ext uri="{BB962C8B-B14F-4D97-AF65-F5344CB8AC3E}">
        <p14:creationId xmlns:p14="http://schemas.microsoft.com/office/powerpoint/2010/main" val="341748213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8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59292" y="494774"/>
            <a:ext cx="7822974" cy="541987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2" name="Picture 8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701109" y="1086725"/>
            <a:ext cx="7739340" cy="2656172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3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716858" y="4021493"/>
            <a:ext cx="7739340" cy="325844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4" name="Picture 8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5038636" y="4397301"/>
            <a:ext cx="1801375" cy="1066053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5" name="Picture 8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6855760" y="4399472"/>
            <a:ext cx="1590119" cy="1061166"/>
          </a:xfrm>
          <a:prstGeom prst="rect">
            <a:avLst/>
          </a:prstGeom>
          <a:noFill/>
          <a:ln w="0">
            <a:noFill/>
          </a:ln>
        </p:spPr>
      </p:pic>
      <p:pic>
        <p:nvPicPr>
          <p:cNvPr id="6" name="Picture 8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5044067" y="5479103"/>
            <a:ext cx="3394209" cy="776595"/>
          </a:xfrm>
          <a:prstGeom prst="rect">
            <a:avLst/>
          </a:prstGeom>
          <a:noFill/>
          <a:ln w="0">
            <a:noFill/>
          </a:ln>
        </p:spPr>
      </p:pic>
      <p:sp>
        <p:nvSpPr>
          <p:cNvPr id="8" name="Rect 3"/>
          <p:cNvSpPr>
            <a:spLocks noGrp="1" noChangeArrowheads="1"/>
          </p:cNvSpPr>
          <p:nvPr/>
        </p:nvSpPr>
        <p:spPr>
          <a:xfrm>
            <a:off x="1" y="194997"/>
            <a:ext cx="9165995" cy="6467463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3033">
              <a:lnSpc>
                <a:spcPts val="2908"/>
              </a:lnSpc>
            </a:pPr>
            <a:endParaRPr lang="ko-KR" altLang="en-US" sz="812" dirty="0"/>
          </a:p>
          <a:p>
            <a:pPr defTabSz="13033">
              <a:lnSpc>
                <a:spcPts val="2395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</a:rPr>
              <a:t>																																																								</a:t>
            </a:r>
            <a:r>
              <a:rPr lang="en-US" altLang="ko-KR" sz="2390" dirty="0">
                <a:solidFill>
                  <a:srgbClr val="4087C8"/>
                </a:solidFill>
                <a:latin typeface="HGP?n?p?poT?ﾂPﾂCUB"/>
                <a:ea typeface="HGP?n?p?poT?ﾂPﾂCUB"/>
              </a:rPr>
              <a:t>富山市におけるi-Constructionの取り組み状況</a:t>
            </a:r>
            <a:endParaRPr lang="ko-KR" altLang="en-US" sz="2390" dirty="0"/>
          </a:p>
          <a:p>
            <a:pPr defTabSz="13033">
              <a:lnSpc>
                <a:spcPts val="2224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539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</a:t>
            </a:r>
            <a:r>
              <a:rPr lang="en-US" altLang="ko-KR" sz="1539" dirty="0">
                <a:solidFill>
                  <a:srgbClr val="000000"/>
                </a:solidFill>
                <a:latin typeface="?l?r?o?S?V?b?N"/>
                <a:ea typeface="?l?r?o?S?V?b?N"/>
              </a:rPr>
              <a:t>○ライフライン共通プラットフォームを構築し、官民間で情報共有</a:t>
            </a:r>
            <a:endParaRPr lang="ko-KR" altLang="en-US" sz="1539" dirty="0"/>
          </a:p>
          <a:p>
            <a:pPr defTabSz="13033">
              <a:lnSpc>
                <a:spcPts val="257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710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</a:t>
            </a:r>
            <a:r>
              <a:rPr lang="en-US" altLang="ko-KR" sz="1539" dirty="0">
                <a:solidFill>
                  <a:srgbClr val="000000"/>
                </a:solidFill>
                <a:latin typeface="?l?r?o?S?V?b?N"/>
                <a:ea typeface="?l?r?o?S?V?b?N"/>
              </a:rPr>
              <a:t>今後はセンサー</a:t>
            </a:r>
            <a:r>
              <a:rPr lang="en-US" altLang="ko-KR" sz="1539" dirty="0">
                <a:solidFill>
                  <a:srgbClr val="000000"/>
                </a:solidFill>
                <a:latin typeface="Arial"/>
                <a:ea typeface="Arial"/>
              </a:rPr>
              <a:t>NW</a:t>
            </a:r>
            <a:r>
              <a:rPr lang="en-US" altLang="ko-KR" sz="1539" dirty="0">
                <a:solidFill>
                  <a:srgbClr val="000000"/>
                </a:solidFill>
                <a:latin typeface="?l?r?o?S?V?b?N"/>
                <a:ea typeface="?l?r?o?S?V?b?N"/>
              </a:rPr>
              <a:t>取得情報とのクロスドメイン連携も検討中</a:t>
            </a:r>
            <a:endParaRPr lang="ko-KR" altLang="en-US" sz="1539" dirty="0"/>
          </a:p>
          <a:p>
            <a:pPr defTabSz="13033">
              <a:lnSpc>
                <a:spcPts val="2309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852" dirty="0">
                <a:solidFill>
                  <a:srgbClr val="FFFFFF"/>
                </a:solidFill>
                <a:latin typeface="Meiryo UI"/>
                <a:ea typeface="Meiryo UI"/>
              </a:rPr>
              <a:t>児童に貸与した</a:t>
            </a:r>
            <a:endParaRPr lang="ko-KR" altLang="en-US" sz="852" dirty="0"/>
          </a:p>
          <a:p>
            <a:pPr defTabSz="13033">
              <a:lnSpc>
                <a:spcPts val="1112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852" dirty="0">
                <a:solidFill>
                  <a:srgbClr val="FFFFFF"/>
                </a:solidFill>
                <a:latin typeface="Meiryo UI"/>
                <a:ea typeface="Meiryo UI"/>
              </a:rPr>
              <a:t>GPSセンサー</a:t>
            </a:r>
            <a:endParaRPr lang="ko-KR" altLang="en-US" sz="852" dirty="0"/>
          </a:p>
          <a:p>
            <a:pPr defTabSz="13033">
              <a:lnSpc>
                <a:spcPts val="770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283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	</a:t>
            </a:r>
            <a:r>
              <a:rPr lang="en-US" altLang="ko-KR" sz="852" dirty="0">
                <a:solidFill>
                  <a:srgbClr val="000000"/>
                </a:solidFill>
                <a:latin typeface="Meiryo"/>
                <a:ea typeface="Meiryo"/>
              </a:rPr>
              <a:t>クロスドメイン分析</a:t>
            </a:r>
            <a:endParaRPr lang="ko-KR" altLang="en-US" sz="852" dirty="0"/>
          </a:p>
          <a:p>
            <a:pPr defTabSz="13033">
              <a:lnSpc>
                <a:spcPts val="6585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454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																														</a:t>
            </a:r>
            <a:r>
              <a:rPr lang="en-US" altLang="ko-KR" sz="943" b="1" dirty="0">
                <a:solidFill>
                  <a:srgbClr val="1D02BE"/>
                </a:solidFill>
                <a:latin typeface="Meiryo"/>
                <a:ea typeface="Meiryo"/>
              </a:rPr>
              <a:t>ライフライン共通プラットフォーム</a:t>
            </a:r>
            <a:endParaRPr lang="ko-KR" altLang="en-US" sz="943" b="1" dirty="0"/>
          </a:p>
          <a:p>
            <a:pPr defTabSz="13033">
              <a:lnSpc>
                <a:spcPts val="513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</a:t>
            </a:r>
            <a:r>
              <a:rPr lang="en-US" altLang="ko-KR" sz="852" dirty="0">
                <a:solidFill>
                  <a:srgbClr val="000000"/>
                </a:solidFill>
                <a:latin typeface="Meiryo UI"/>
                <a:ea typeface="Meiryo UI"/>
              </a:rPr>
              <a:t>電力会社や通信事業者等が保有しているライフライン・交通・生活安全等の情報を一元化し、</a:t>
            </a:r>
            <a:endParaRPr lang="ko-KR" altLang="en-US" sz="852" dirty="0"/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</a:t>
            </a:r>
            <a:r>
              <a:rPr lang="en-US" altLang="ko-KR" sz="852" dirty="0">
                <a:solidFill>
                  <a:srgbClr val="000000"/>
                </a:solidFill>
                <a:latin typeface="Meiryo UI"/>
                <a:ea typeface="Meiryo UI"/>
              </a:rPr>
              <a:t>行政、企業、住民が情報の共有化により、住民生活や企業活動に活用するとともに、</a:t>
            </a:r>
            <a:endParaRPr lang="ko-KR" altLang="en-US" sz="852" dirty="0"/>
          </a:p>
          <a:p>
            <a:pPr defTabSz="13033">
              <a:lnSpc>
                <a:spcPts val="1112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</a:t>
            </a:r>
            <a:r>
              <a:rPr lang="en-US" altLang="ko-KR" sz="852" dirty="0">
                <a:solidFill>
                  <a:srgbClr val="000000"/>
                </a:solidFill>
                <a:latin typeface="Meiryo UI"/>
                <a:ea typeface="Meiryo UI"/>
              </a:rPr>
              <a:t>災害時における状況把握や情報発信、迅速な復旧作業にも活用する目的で構築した情報基盤</a:t>
            </a:r>
            <a:endParaRPr lang="ko-KR" altLang="en-US" sz="852" dirty="0"/>
          </a:p>
          <a:p>
            <a:pPr defTabSz="13033">
              <a:lnSpc>
                <a:spcPts val="1368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710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</a:t>
            </a:r>
            <a:r>
              <a:rPr lang="en-US" altLang="ko-KR" sz="1539" dirty="0">
                <a:solidFill>
                  <a:srgbClr val="000000"/>
                </a:solidFill>
                <a:latin typeface="?l?r?o?S?V?b?N"/>
                <a:ea typeface="?l?r?o?S?V?b?N"/>
              </a:rPr>
              <a:t>○「</a:t>
            </a:r>
            <a:r>
              <a:rPr lang="en-US" altLang="ko-KR" sz="1539" dirty="0">
                <a:solidFill>
                  <a:srgbClr val="000000"/>
                </a:solidFill>
                <a:latin typeface="Arial"/>
                <a:ea typeface="Arial"/>
              </a:rPr>
              <a:t>i-Construction</a:t>
            </a:r>
            <a:r>
              <a:rPr lang="en-US" altLang="ko-KR" sz="1539" dirty="0">
                <a:solidFill>
                  <a:srgbClr val="000000"/>
                </a:solidFill>
                <a:latin typeface="?l?r?o?S?V?b?N"/>
                <a:ea typeface="?l?r?o?S?V?b?N"/>
              </a:rPr>
              <a:t>推進シンポジウム」を開催</a:t>
            </a:r>
            <a:endParaRPr lang="ko-KR" altLang="en-US" sz="1539" dirty="0"/>
          </a:p>
          <a:p>
            <a:pPr defTabSz="13033">
              <a:lnSpc>
                <a:spcPts val="941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開 催 日： 令和元年度１０月１日（火）</a:t>
            </a:r>
            <a:endParaRPr lang="ko-KR" altLang="en-US" sz="1026" dirty="0"/>
          </a:p>
          <a:p>
            <a:pPr defTabSz="13033">
              <a:lnSpc>
                <a:spcPts val="428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主 催 者： ㈶日本建設情報技術センター、富山市、</a:t>
            </a:r>
            <a:endParaRPr lang="ko-KR" altLang="en-US" sz="1026" dirty="0"/>
          </a:p>
          <a:p>
            <a:pPr defTabSz="13033">
              <a:lnSpc>
                <a:spcPts val="428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富山県国道等道路事業促進協議会</a:t>
            </a:r>
            <a:endParaRPr lang="ko-KR" altLang="en-US" sz="1026" dirty="0"/>
          </a:p>
          <a:p>
            <a:pPr defTabSz="13033">
              <a:lnSpc>
                <a:spcPts val="513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参 加 者： 国土交通省、富山県、富山市、㈶日本建設情報技術センター、</a:t>
            </a:r>
            <a:endParaRPr lang="ko-KR" altLang="en-US" sz="1026" dirty="0"/>
          </a:p>
          <a:p>
            <a:pPr defTabSz="13033">
              <a:lnSpc>
                <a:spcPts val="428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松原建設㈱、他自治体職員及び建設業者 等</a:t>
            </a: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約１８０名</a:t>
            </a:r>
            <a:endParaRPr lang="ko-KR" altLang="en-US" sz="1026" dirty="0"/>
          </a:p>
          <a:p>
            <a:pPr defTabSz="13033">
              <a:lnSpc>
                <a:spcPts val="428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趣</a:t>
            </a: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旨 ： ＩＣＴの活用等により、建設生産システム全体の生産性向上を図</a:t>
            </a:r>
            <a:endParaRPr lang="ko-KR" altLang="en-US" sz="1026" dirty="0"/>
          </a:p>
          <a:p>
            <a:pPr defTabSz="13033">
              <a:lnSpc>
                <a:spcPts val="171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り、魅力ある建設現場を目指すことを目的に開催</a:t>
            </a:r>
            <a:endParaRPr lang="ko-KR" altLang="en-US" sz="1026" dirty="0"/>
          </a:p>
          <a:p>
            <a:pPr defTabSz="13033">
              <a:lnSpc>
                <a:spcPts val="428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効</a:t>
            </a: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果 ： 国県市及び民間等から、ICTの取組や課題について説明し、パ</a:t>
            </a:r>
            <a:endParaRPr lang="ko-KR" altLang="en-US" sz="1026" dirty="0"/>
          </a:p>
          <a:p>
            <a:pPr defTabSz="13033">
              <a:lnSpc>
                <a:spcPts val="171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ネルディスカッションを行い参加者と共にICT技術の理解を深め</a:t>
            </a:r>
            <a:endParaRPr lang="ko-KR" altLang="en-US" sz="1026" dirty="0"/>
          </a:p>
          <a:p>
            <a:pPr defTabSz="13033">
              <a:lnSpc>
                <a:spcPts val="171"/>
              </a:lnSpc>
            </a:pPr>
            <a:endParaRPr lang="ko-KR" altLang="en-US" sz="812" dirty="0">
              <a:latin typeface="Arial"/>
              <a:ea typeface="Arial"/>
            </a:endParaRPr>
          </a:p>
          <a:p>
            <a:pPr defTabSz="13033">
              <a:lnSpc>
                <a:spcPts val="1026"/>
              </a:lnSpc>
            </a:pP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																																																																																																															</a:t>
            </a:r>
            <a:r>
              <a:rPr lang="en-US" altLang="ko-KR" sz="1026" dirty="0">
                <a:solidFill>
                  <a:srgbClr val="000000"/>
                </a:solidFill>
                <a:latin typeface="?l?r?o?S?V?b?N"/>
                <a:ea typeface="?l?r?o?S?V?b?N"/>
              </a:rPr>
              <a:t>るきっかけとなった</a:t>
            </a:r>
            <a:endParaRPr lang="ko-KR" altLang="en-US" sz="1026" dirty="0"/>
          </a:p>
        </p:txBody>
      </p:sp>
      <p:sp>
        <p:nvSpPr>
          <p:cNvPr id="7" name="Rect 3"/>
          <p:cNvSpPr>
            <a:spLocks noGrp="1" noChangeArrowheads="1"/>
          </p:cNvSpPr>
          <p:nvPr/>
        </p:nvSpPr>
        <p:spPr>
          <a:xfrm>
            <a:off x="5268356" y="3750500"/>
            <a:ext cx="3040125" cy="237323"/>
          </a:xfrm>
          <a:prstGeom prst="rect">
            <a:avLst/>
          </a:prstGeom>
          <a:noFill/>
          <a:ln w="0">
            <a:noFill/>
          </a:ln>
        </p:spPr>
        <p:txBody>
          <a:bodyPr wrap="none" lIns="0" tIns="0" rIns="0" bIns="0" anchor="t"/>
          <a:lstStyle/>
          <a:p>
            <a:pPr defTabSz="13033">
              <a:lnSpc>
                <a:spcPts val="770"/>
              </a:lnSpc>
            </a:pPr>
            <a:r>
              <a:rPr lang="en-US" altLang="ko-KR" sz="687" dirty="0">
                <a:solidFill>
                  <a:srgbClr val="000000"/>
                </a:solidFill>
                <a:latin typeface="Meiryo"/>
                <a:ea typeface="Meiryo"/>
              </a:rPr>
              <a:t>IoTセンサー情報による児童の登下校時の移動軌跡と工事予定情報の分析結果</a:t>
            </a:r>
            <a:endParaRPr lang="ko-KR" altLang="en-US" sz="687" dirty="0"/>
          </a:p>
          <a:p>
            <a:pPr defTabSz="13033">
              <a:lnSpc>
                <a:spcPts val="1026"/>
              </a:lnSpc>
            </a:pPr>
            <a:r>
              <a:rPr lang="en-US" altLang="ko-KR" sz="687" dirty="0">
                <a:solidFill>
                  <a:srgbClr val="000000"/>
                </a:solidFill>
                <a:latin typeface="Meiryo"/>
              </a:rPr>
              <a:t>（背景図：国土地理院</a:t>
            </a:r>
            <a:r>
              <a:rPr lang="en-US" altLang="ko-KR" sz="812" dirty="0">
                <a:solidFill>
                  <a:srgbClr val="000000"/>
                </a:solidFill>
                <a:latin typeface="Arial"/>
                <a:ea typeface="Arial"/>
              </a:rPr>
              <a:t>						</a:t>
            </a:r>
            <a:r>
              <a:rPr lang="en-US" altLang="ko-KR" sz="687" dirty="0">
                <a:solidFill>
                  <a:srgbClr val="000000"/>
                </a:solidFill>
                <a:latin typeface="Meiryo"/>
                <a:ea typeface="Meiryo"/>
              </a:rPr>
              <a:t>http://maps.gis.go.jp/development/ichran.html)</a:t>
            </a:r>
            <a:endParaRPr lang="ko-KR" altLang="en-US" sz="687" dirty="0"/>
          </a:p>
        </p:txBody>
      </p:sp>
    </p:spTree>
    <p:extLst>
      <p:ext uri="{BB962C8B-B14F-4D97-AF65-F5344CB8AC3E}">
        <p14:creationId xmlns:p14="http://schemas.microsoft.com/office/powerpoint/2010/main" val="3645872272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図 2">
            <a:extLst>
              <a:ext uri="{FF2B5EF4-FFF2-40B4-BE49-F238E27FC236}">
                <a16:creationId xmlns:a16="http://schemas.microsoft.com/office/drawing/2014/main" id="{C35C2F22-5236-4B4D-A8F3-EE33AEA612E7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1096" r="1097"/>
          <a:stretch/>
        </p:blipFill>
        <p:spPr>
          <a:xfrm rot="21480000">
            <a:off x="908455" y="1492888"/>
            <a:ext cx="7437246" cy="4764396"/>
          </a:xfrm>
          <a:prstGeom prst="rect">
            <a:avLst/>
          </a:prstGeom>
        </p:spPr>
      </p:pic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9F67C5CF-4F6E-4709-B8F3-09C490FBE34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6457950" y="6356350"/>
            <a:ext cx="2057400" cy="365125"/>
          </a:xfrm>
        </p:spPr>
        <p:txBody>
          <a:bodyPr>
            <a:normAutofit/>
          </a:bodyPr>
          <a:lstStyle/>
          <a:p>
            <a:pPr>
              <a:spcAft>
                <a:spcPts val="600"/>
              </a:spcAft>
            </a:pPr>
            <a:fld id="{7D5A2C38-BF5A-4117-A3B3-4E986D472ED9}" type="slidenum">
              <a:rPr kumimoji="1" lang="ja-JP" altLang="en-US"/>
              <a:pPr>
                <a:spcAft>
                  <a:spcPts val="600"/>
                </a:spcAft>
              </a:pPr>
              <a:t>7</a:t>
            </a:fld>
            <a:endParaRPr kumimoji="1" lang="ja-JP" altLang="en-US"/>
          </a:p>
        </p:txBody>
      </p:sp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1E11B6C7-C83B-497F-9CC6-A2CAECC017AA}"/>
              </a:ext>
            </a:extLst>
          </p:cNvPr>
          <p:cNvSpPr txBox="1"/>
          <p:nvPr/>
        </p:nvSpPr>
        <p:spPr>
          <a:xfrm>
            <a:off x="395536" y="218397"/>
            <a:ext cx="5227713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400" dirty="0"/>
              <a:t>インフラメンテナンスの時代</a:t>
            </a:r>
            <a:endParaRPr kumimoji="1" lang="en-US" altLang="ja-JP" sz="2400" dirty="0"/>
          </a:p>
          <a:p>
            <a:r>
              <a:rPr kumimoji="1" lang="ja-JP" altLang="en-US" sz="2400" dirty="0"/>
              <a:t>破綻の危機！　いかに乗対応するか？</a:t>
            </a:r>
          </a:p>
        </p:txBody>
      </p:sp>
    </p:spTree>
    <p:extLst>
      <p:ext uri="{BB962C8B-B14F-4D97-AF65-F5344CB8AC3E}">
        <p14:creationId xmlns:p14="http://schemas.microsoft.com/office/powerpoint/2010/main" val="1933097685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60581524-2E69-4F9B-896A-9F59CB09349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5A2C38-BF5A-4117-A3B3-4E986D472ED9}" type="slidenum">
              <a:rPr kumimoji="1" lang="ja-JP" altLang="en-US" smtClean="0"/>
              <a:t>8</a:t>
            </a:fld>
            <a:endParaRPr kumimoji="1" lang="ja-JP" altLang="en-US" dirty="0"/>
          </a:p>
        </p:txBody>
      </p:sp>
      <p:pic>
        <p:nvPicPr>
          <p:cNvPr id="3" name="図 2">
            <a:extLst>
              <a:ext uri="{FF2B5EF4-FFF2-40B4-BE49-F238E27FC236}">
                <a16:creationId xmlns:a16="http://schemas.microsoft.com/office/drawing/2014/main" id="{2FF34695-3F15-4284-89B9-CB6E90AED09F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79512" y="476672"/>
            <a:ext cx="8441436" cy="4752528"/>
          </a:xfrm>
          <a:prstGeom prst="rect">
            <a:avLst/>
          </a:prstGeom>
        </p:spPr>
      </p:pic>
      <p:sp>
        <p:nvSpPr>
          <p:cNvPr id="5" name="テキスト ボックス 4">
            <a:extLst>
              <a:ext uri="{FF2B5EF4-FFF2-40B4-BE49-F238E27FC236}">
                <a16:creationId xmlns:a16="http://schemas.microsoft.com/office/drawing/2014/main" id="{EFEF4B88-D688-413C-8EE7-FA0F1A13B210}"/>
              </a:ext>
            </a:extLst>
          </p:cNvPr>
          <p:cNvSpPr txBox="1"/>
          <p:nvPr/>
        </p:nvSpPr>
        <p:spPr>
          <a:xfrm>
            <a:off x="457200" y="5251400"/>
            <a:ext cx="8310288" cy="12618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8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インフラ老朽化による破綻への道</a:t>
            </a:r>
            <a:endParaRPr kumimoji="1" lang="en-US" altLang="ja-JP" sz="28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r>
              <a:rPr lang="ja-JP" altLang="en-US" sz="28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　</a:t>
            </a:r>
            <a:r>
              <a:rPr lang="ja-JP" altLang="en-US" sz="20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⇒私が富山に赴任した理由！</a:t>
            </a:r>
            <a:endParaRPr lang="en-US" altLang="ja-JP" sz="2000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r>
              <a:rPr kumimoji="1" lang="ja-JP" altLang="en-US" sz="2000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　　　富山（中核市）で、可能性が無ければ、もはや日本全体が危険水域！！</a:t>
            </a:r>
          </a:p>
        </p:txBody>
      </p:sp>
    </p:spTree>
    <p:extLst>
      <p:ext uri="{BB962C8B-B14F-4D97-AF65-F5344CB8AC3E}">
        <p14:creationId xmlns:p14="http://schemas.microsoft.com/office/powerpoint/2010/main" val="903850235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83D8FF2F-2F22-4694-8936-1A6251FB57A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D5A2C38-BF5A-4117-A3B3-4E986D472ED9}" type="slidenum">
              <a:rPr kumimoji="1" lang="ja-JP" altLang="en-US" smtClean="0"/>
              <a:t>9</a:t>
            </a:fld>
            <a:endParaRPr kumimoji="1" lang="ja-JP" altLang="en-US" dirty="0"/>
          </a:p>
        </p:txBody>
      </p:sp>
      <p:pic>
        <p:nvPicPr>
          <p:cNvPr id="3" name="図 2">
            <a:extLst>
              <a:ext uri="{FF2B5EF4-FFF2-40B4-BE49-F238E27FC236}">
                <a16:creationId xmlns:a16="http://schemas.microsoft.com/office/drawing/2014/main" id="{1B1A4004-3795-431F-8FBA-E3F48B49991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23381" y="330374"/>
            <a:ext cx="8569335" cy="4824535"/>
          </a:xfrm>
          <a:prstGeom prst="rect">
            <a:avLst/>
          </a:prstGeom>
        </p:spPr>
      </p:pic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006D9012-CC1A-42EA-AB5D-5FF0DC1E34C3}"/>
              </a:ext>
            </a:extLst>
          </p:cNvPr>
          <p:cNvSpPr txBox="1"/>
          <p:nvPr/>
        </p:nvSpPr>
        <p:spPr>
          <a:xfrm>
            <a:off x="683568" y="5373216"/>
            <a:ext cx="7093609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市町村は住民に近いために、納得もしくは、あきらめてもらうしかない。</a:t>
            </a:r>
            <a:endParaRPr kumimoji="1" lang="en-US" altLang="ja-JP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r>
              <a:rPr lang="ja-JP" altLang="en-US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「説明責任」とは言うけれど、</a:t>
            </a:r>
            <a:endParaRPr lang="en-US" altLang="ja-JP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  <a:p>
            <a:r>
              <a:rPr lang="ja-JP" altLang="en-US" dirty="0">
                <a:latin typeface="HGP創英角ﾎﾟｯﾌﾟ体" panose="040B0A00000000000000" pitchFamily="50" charset="-128"/>
                <a:ea typeface="HGP創英角ﾎﾟｯﾌﾟ体" panose="040B0A00000000000000" pitchFamily="50" charset="-128"/>
              </a:rPr>
              <a:t>説明に時間を使っているうちに、対処不能に！</a:t>
            </a:r>
            <a:endParaRPr kumimoji="1" lang="ja-JP" altLang="en-US" dirty="0">
              <a:latin typeface="HGP創英角ﾎﾟｯﾌﾟ体" panose="040B0A00000000000000" pitchFamily="50" charset="-128"/>
              <a:ea typeface="HGP創英角ﾎﾟｯﾌﾟ体" panose="040B0A00000000000000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954341626"/>
      </p:ext>
    </p:extLst>
  </p:cSld>
  <p:clrMapOvr>
    <a:masterClrMapping/>
  </p:clrMapOvr>
</p:sld>
</file>

<file path=ppt/theme/_rels/themeOverrid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59.jpeg"/></Relationships>
</file>

<file path=ppt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アース">
    <a:dk1>
      <a:sysClr val="windowText" lastClr="000000"/>
    </a:dk1>
    <a:lt1>
      <a:sysClr val="window" lastClr="FFFFFF"/>
    </a:lt1>
    <a:dk2>
      <a:srgbClr val="464653"/>
    </a:dk2>
    <a:lt2>
      <a:srgbClr val="DDE9EC"/>
    </a:lt2>
    <a:accent1>
      <a:srgbClr val="727CA3"/>
    </a:accent1>
    <a:accent2>
      <a:srgbClr val="9FB8CD"/>
    </a:accent2>
    <a:accent3>
      <a:srgbClr val="D2DA7A"/>
    </a:accent3>
    <a:accent4>
      <a:srgbClr val="FADA7A"/>
    </a:accent4>
    <a:accent5>
      <a:srgbClr val="B88472"/>
    </a:accent5>
    <a:accent6>
      <a:srgbClr val="8E736A"/>
    </a:accent6>
    <a:hlink>
      <a:srgbClr val="B292CA"/>
    </a:hlink>
    <a:folHlink>
      <a:srgbClr val="6B5680"/>
    </a:folHlink>
  </a:clrScheme>
  <a:fontScheme name="アース">
    <a:majorFont>
      <a:latin typeface="Bookman Old Style"/>
      <a:ea typeface=""/>
      <a:cs typeface=""/>
      <a:font script="Grek" typeface="Cambria"/>
      <a:font script="Cyrl" typeface="Cambria"/>
      <a:font script="Jpan" typeface="HG明朝E"/>
      <a:font script="Hang" typeface="돋움"/>
      <a:font script="Hans" typeface="宋体"/>
      <a:font script="Hant" typeface="標楷體"/>
      <a:font script="Arab" typeface="Times New Roman"/>
      <a:font script="Hebr" typeface="Times New Roman"/>
      <a:font script="Thai" typeface="Browalli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Gill Sans MT"/>
      <a:ea typeface=""/>
      <a:cs typeface=""/>
      <a:font script="Grek" typeface="Calibri"/>
      <a:font script="Cyrl" typeface="Calibri"/>
      <a:font script="Jpan" typeface="ＭＳ Ｐゴシック"/>
      <a:font script="Hang" typeface="맑은 고딕"/>
      <a:font script="Hans" typeface="华文新魏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アース">
    <a:fillStyleLst>
      <a:solidFill>
        <a:schemeClr val="phClr"/>
      </a:solidFill>
      <a:gradFill rotWithShape="1">
        <a:gsLst>
          <a:gs pos="0">
            <a:schemeClr val="phClr">
              <a:tint val="45000"/>
              <a:satMod val="200000"/>
            </a:schemeClr>
          </a:gs>
          <a:gs pos="30000">
            <a:schemeClr val="phClr">
              <a:tint val="61000"/>
              <a:satMod val="200000"/>
            </a:schemeClr>
          </a:gs>
          <a:gs pos="45000">
            <a:schemeClr val="phClr">
              <a:tint val="66000"/>
              <a:satMod val="200000"/>
            </a:schemeClr>
          </a:gs>
          <a:gs pos="55000">
            <a:schemeClr val="phClr">
              <a:tint val="66000"/>
              <a:satMod val="200000"/>
            </a:schemeClr>
          </a:gs>
          <a:gs pos="73000">
            <a:schemeClr val="phClr">
              <a:tint val="61000"/>
              <a:satMod val="200000"/>
            </a:schemeClr>
          </a:gs>
          <a:gs pos="100000">
            <a:schemeClr val="phClr">
              <a:tint val="45000"/>
              <a:satMod val="200000"/>
            </a:schemeClr>
          </a:gs>
        </a:gsLst>
        <a:lin ang="950000" scaled="1"/>
      </a:gradFill>
      <a:gradFill rotWithShape="1">
        <a:gsLst>
          <a:gs pos="0">
            <a:schemeClr val="phClr">
              <a:shade val="63000"/>
            </a:schemeClr>
          </a:gs>
          <a:gs pos="30000">
            <a:schemeClr val="phClr">
              <a:shade val="90000"/>
              <a:satMod val="110000"/>
            </a:schemeClr>
          </a:gs>
          <a:gs pos="45000">
            <a:schemeClr val="phClr">
              <a:shade val="100000"/>
              <a:satMod val="118000"/>
            </a:schemeClr>
          </a:gs>
          <a:gs pos="55000">
            <a:schemeClr val="phClr">
              <a:shade val="100000"/>
              <a:satMod val="118000"/>
            </a:schemeClr>
          </a:gs>
          <a:gs pos="73000">
            <a:schemeClr val="phClr">
              <a:shade val="90000"/>
              <a:satMod val="110000"/>
            </a:schemeClr>
          </a:gs>
          <a:gs pos="100000">
            <a:schemeClr val="phClr">
              <a:shade val="63000"/>
            </a:schemeClr>
          </a:gs>
        </a:gsLst>
        <a:lin ang="950000" scaled="1"/>
      </a:gradFill>
    </a:fillStyleLst>
    <a:lnStyleLst>
      <a:ln w="9525" cap="flat" cmpd="sng" algn="ctr">
        <a:solidFill>
          <a:schemeClr val="phClr"/>
        </a:solidFill>
        <a:prstDash val="solid"/>
      </a:ln>
      <a:ln w="19050" cap="flat" cmpd="sng" algn="ctr">
        <a:solidFill>
          <a:schemeClr val="phClr"/>
        </a:solidFill>
        <a:prstDash val="solid"/>
      </a:ln>
      <a:ln w="254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38100" dist="25400" dir="5400000" rotWithShape="0">
            <a:srgbClr val="000000">
              <a:alpha val="40000"/>
            </a:srgbClr>
          </a:outerShdw>
        </a:effectLst>
      </a:effectStyle>
      <a:effectStyle>
        <a:effectLst>
          <a:outerShdw blurRad="50800" dist="43000" dir="5400000" rotWithShape="0">
            <a:srgbClr val="000000">
              <a:alpha val="40000"/>
            </a:srgbClr>
          </a:outerShdw>
        </a:effectLst>
        <a:scene3d>
          <a:camera prst="orthographicFront" fov="0">
            <a:rot lat="0" lon="0" rev="0"/>
          </a:camera>
          <a:lightRig rig="balanced" dir="t">
            <a:rot lat="0" lon="0" rev="0"/>
          </a:lightRig>
        </a:scene3d>
        <a:sp3d prstMaterial="matte">
          <a:bevelT w="0" h="0"/>
          <a:contourClr>
            <a:schemeClr val="phClr">
              <a:tint val="100000"/>
              <a:shade val="100000"/>
              <a:hueMod val="100000"/>
              <a:satMod val="100000"/>
            </a:schemeClr>
          </a:contourClr>
        </a:sp3d>
      </a:effectStyle>
      <a:effectStyle>
        <a:effectLst>
          <a:outerShdw blurRad="50800" dist="25400" dir="5400000" rotWithShape="0">
            <a:srgbClr val="000000">
              <a:alpha val="50000"/>
            </a:srgbClr>
          </a:outerShdw>
        </a:effectLst>
        <a:scene3d>
          <a:camera prst="orthographicFront" fov="0">
            <a:rot lat="0" lon="0" rev="0"/>
          </a:camera>
          <a:lightRig rig="soft" dir="t">
            <a:rot lat="0" lon="0" rev="2700000"/>
          </a:lightRig>
        </a:scene3d>
        <a:sp3d prstMaterial="matte">
          <a:bevelT w="50800" h="50800"/>
          <a:contourClr>
            <a:schemeClr val="phClr"/>
          </a:contourClr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shade val="60000"/>
              <a:satMod val="300000"/>
            </a:schemeClr>
          </a:gs>
          <a:gs pos="30000">
            <a:schemeClr val="phClr">
              <a:shade val="80000"/>
              <a:satMod val="230000"/>
            </a:schemeClr>
          </a:gs>
          <a:gs pos="100000">
            <a:schemeClr val="phClr">
              <a:tint val="97000"/>
              <a:satMod val="220000"/>
            </a:schemeClr>
          </a:gs>
        </a:gsLst>
        <a:lin ang="16200000" scaled="1"/>
      </a:gradFill>
      <a:blipFill>
        <a:blip xmlns:r="http://schemas.openxmlformats.org/officeDocument/2006/relationships" r:embed="rId1">
          <a:duotone>
            <a:schemeClr val="phClr">
              <a:shade val="6000"/>
              <a:satMod val="120000"/>
            </a:schemeClr>
            <a:schemeClr val="phClr">
              <a:tint val="90000"/>
            </a:schemeClr>
          </a:duotone>
        </a:blip>
        <a:tile tx="0" ty="0" sx="35000" sy="40000" flip="x" algn="tl"/>
      </a:blip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otalTime>1616</TotalTime>
  <Words>33158</Words>
  <Application>Microsoft Office PowerPoint</Application>
  <PresentationFormat>画面に合わせる (4:3)</PresentationFormat>
  <Paragraphs>867</Paragraphs>
  <Slides>58</Slides>
  <Notes>1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27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58</vt:i4>
      </vt:variant>
    </vt:vector>
  </HeadingPairs>
  <TitlesOfParts>
    <vt:vector size="86" baseType="lpstr">
      <vt:lpstr>?l?r?o?S?V?b?N</vt:lpstr>
      <vt:lpstr>AR P丸ゴシック体M</vt:lpstr>
      <vt:lpstr>HGP?n?p?poT?ﾂPﾂCUB</vt:lpstr>
      <vt:lpstr>HGPｺﾞｼｯｸE</vt:lpstr>
      <vt:lpstr>HGPｺﾞｼｯｸM</vt:lpstr>
      <vt:lpstr>HGPSoeiKakugothicUB</vt:lpstr>
      <vt:lpstr>HGP創英角ﾎﾟｯﾌﾟ体</vt:lpstr>
      <vt:lpstr>HGS創英角ﾎﾟｯﾌﾟ体</vt:lpstr>
      <vt:lpstr>HG丸ｺﾞｼｯｸM-PRO</vt:lpstr>
      <vt:lpstr>HG創英角ｺﾞｼｯｸUB</vt:lpstr>
      <vt:lpstr>HG創英角ﾎﾟｯﾌﾟ体</vt:lpstr>
      <vt:lpstr>Meiryo UI</vt:lpstr>
      <vt:lpstr>MicrosoftJhengHeiBold</vt:lpstr>
      <vt:lpstr>MS</vt:lpstr>
      <vt:lpstr>ＭＳ Ｐゴシック</vt:lpstr>
      <vt:lpstr>MS UI Gothic</vt:lpstr>
      <vt:lpstr>YuGothic</vt:lpstr>
      <vt:lpstr>ヒラギノ角ゴ Pro W3</vt:lpstr>
      <vt:lpstr>Meiryo</vt:lpstr>
      <vt:lpstr>富士ポップＰ</vt:lpstr>
      <vt:lpstr>游ゴシック</vt:lpstr>
      <vt:lpstr>Arial</vt:lpstr>
      <vt:lpstr>Calibri</vt:lpstr>
      <vt:lpstr>Gill Sans MT</vt:lpstr>
      <vt:lpstr>Tahoma</vt:lpstr>
      <vt:lpstr>Verdana</vt:lpstr>
      <vt:lpstr>Wingdings</vt:lpstr>
      <vt:lpstr>Office ​​テーマ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インフラメンテナンスで国の考える方策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既存技術を応用した点検の実証試験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実践で使うには実証が必要！</vt:lpstr>
      <vt:lpstr>PowerPoint プレゼンテーション</vt:lpstr>
      <vt:lpstr>PowerPoint プレゼンテーション</vt:lpstr>
      <vt:lpstr>PowerPoint プレゼンテーション</vt:lpstr>
      <vt:lpstr>i-conを導入する課題</vt:lpstr>
      <vt:lpstr>採用者から見た有効な技術とは？</vt:lpstr>
      <vt:lpstr>SIPが活用されなかったのはなぜか？</vt:lpstr>
      <vt:lpstr>自治体が欲している技術・情報・アイディア</vt:lpstr>
      <vt:lpstr>新技術導入のポイントの本音</vt:lpstr>
      <vt:lpstr>自治体のニーズの課題</vt:lpstr>
      <vt:lpstr>PowerPoint プレゼンテーション</vt:lpstr>
      <vt:lpstr>PowerPoint プレゼンテーション</vt:lpstr>
      <vt:lpstr>PowerPoint プレゼンテーション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富山市</dc:creator>
  <cp:lastModifiedBy>植野 芳彦</cp:lastModifiedBy>
  <cp:revision>21</cp:revision>
  <cp:lastPrinted>2018-11-19T03:03:16Z</cp:lastPrinted>
  <dcterms:created xsi:type="dcterms:W3CDTF">2016-12-06T01:16:35Z</dcterms:created>
  <dcterms:modified xsi:type="dcterms:W3CDTF">2021-05-05T07:15:53Z</dcterms:modified>
</cp:coreProperties>
</file>